
<file path=[Content_Types].xml><?xml version="1.0" encoding="utf-8"?>
<Types xmlns="http://schemas.openxmlformats.org/package/2006/content-types">
  <Default Extension="emf" ContentType="image/x-emf"/>
  <Default Extension="fntdata" ContentType="application/x-fontdata"/>
  <Default Extension="jfif" ContentType="image/jpeg"/>
  <Default Extension="jpeg" ContentType="image/jpeg"/>
  <Default Extension="jp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7.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8.xml" ContentType="application/vnd.openxmlformats-officedocument.presentationml.notesSl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notesSlides/notesSlide9.xml" ContentType="application/vnd.openxmlformats-officedocument.presentationml.notesSlid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notesSlides/notesSlide14.xml" ContentType="application/vnd.openxmlformats-officedocument.presentationml.notesSlide+xml"/>
  <Override PartName="/ppt/notesSlides/notesSlide15.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3"/>
  </p:sldMasterIdLst>
  <p:notesMasterIdLst>
    <p:notesMasterId r:id="rId19"/>
  </p:notesMasterIdLst>
  <p:handoutMasterIdLst>
    <p:handoutMasterId r:id="rId20"/>
  </p:handoutMasterIdLst>
  <p:sldIdLst>
    <p:sldId id="2147471190" r:id="rId4"/>
    <p:sldId id="2147471189" r:id="rId5"/>
    <p:sldId id="2147471053" r:id="rId6"/>
    <p:sldId id="2147471186" r:id="rId7"/>
    <p:sldId id="2147471119" r:id="rId8"/>
    <p:sldId id="2147471187" r:id="rId9"/>
    <p:sldId id="2147471123" r:id="rId10"/>
    <p:sldId id="2147471097" r:id="rId11"/>
    <p:sldId id="2147471192" r:id="rId12"/>
    <p:sldId id="2147471181" r:id="rId13"/>
    <p:sldId id="2147471182" r:id="rId14"/>
    <p:sldId id="2147471188" r:id="rId15"/>
    <p:sldId id="2147471145" r:id="rId16"/>
    <p:sldId id="2147471175" r:id="rId17"/>
    <p:sldId id="2147471191" r:id="rId18"/>
  </p:sldIdLst>
  <p:sldSz cx="12192000" cy="6858000"/>
  <p:notesSz cx="6797675" cy="9926638"/>
  <p:embeddedFontLst>
    <p:embeddedFont>
      <p:font typeface="DI Display Office" panose="020B0604020202020204" charset="0"/>
      <p:regular r:id="rId21"/>
      <p:bold r:id="rId22"/>
      <p:italic r:id="rId23"/>
      <p:boldItalic r:id="rId24"/>
    </p:embeddedFont>
    <p:embeddedFont>
      <p:font typeface="DI Numbers Office" panose="020B0604020202020204" charset="0"/>
      <p:regular r:id="rId25"/>
      <p:bold r:id="rId26"/>
      <p:italic r:id="rId27"/>
      <p:boldItalic r:id="rId28"/>
    </p:embeddedFont>
    <p:embeddedFont>
      <p:font typeface="DI Sans Office" panose="020B0604020202020204" charset="0"/>
      <p:regular r:id="rId29"/>
      <p:bold r:id="rId30"/>
      <p:italic r:id="rId31"/>
      <p:boldItalic r:id="rId32"/>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59237A"/>
    <a:srgbClr val="A7A4E0"/>
    <a:srgbClr val="BCE19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2D5ABB26-0587-4C30-8999-92F81FD0307C}">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Ingen typografi, intet git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284E427A-3D55-4303-BF80-6455036E1DE7}" styleName="Themed Style 1 - Accent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286" autoAdjust="0"/>
    <p:restoredTop sz="70823" autoAdjust="0"/>
  </p:normalViewPr>
  <p:slideViewPr>
    <p:cSldViewPr snapToGrid="0" showGuides="1">
      <p:cViewPr varScale="1">
        <p:scale>
          <a:sx n="70" d="100"/>
          <a:sy n="70" d="100"/>
        </p:scale>
        <p:origin x="936" y="288"/>
      </p:cViewPr>
      <p:guideLst/>
    </p:cSldViewPr>
  </p:slideViewPr>
  <p:outlineViewPr>
    <p:cViewPr>
      <p:scale>
        <a:sx n="33" d="100"/>
        <a:sy n="33" d="100"/>
      </p:scale>
      <p:origin x="0" y="-128"/>
    </p:cViewPr>
  </p:outlineViewPr>
  <p:notesTextViewPr>
    <p:cViewPr>
      <p:scale>
        <a:sx n="75" d="100"/>
        <a:sy n="75" d="100"/>
      </p:scale>
      <p:origin x="0" y="0"/>
    </p:cViewPr>
  </p:notesTextViewPr>
  <p:sorterViewPr>
    <p:cViewPr>
      <p:scale>
        <a:sx n="100" d="100"/>
        <a:sy n="100" d="100"/>
      </p:scale>
      <p:origin x="0" y="0"/>
    </p:cViewPr>
  </p:sorterViewPr>
  <p:notesViewPr>
    <p:cSldViewPr snapToGrid="0">
      <p:cViewPr varScale="1">
        <p:scale>
          <a:sx n="91" d="100"/>
          <a:sy n="91" d="100"/>
        </p:scale>
        <p:origin x="2694" y="72"/>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slide" Target="slides/slide10.xml"/><Relationship Id="rId18" Type="http://schemas.openxmlformats.org/officeDocument/2006/relationships/slide" Target="slides/slide15.xml"/><Relationship Id="rId26" Type="http://schemas.openxmlformats.org/officeDocument/2006/relationships/font" Target="fonts/font6.fntdata"/><Relationship Id="rId3" Type="http://schemas.openxmlformats.org/officeDocument/2006/relationships/slideMaster" Target="slideMasters/slideMaster1.xml"/><Relationship Id="rId21" Type="http://schemas.openxmlformats.org/officeDocument/2006/relationships/font" Target="fonts/font1.fntdata"/><Relationship Id="rId34" Type="http://schemas.openxmlformats.org/officeDocument/2006/relationships/viewProps" Target="viewProps.xml"/><Relationship Id="rId7" Type="http://schemas.openxmlformats.org/officeDocument/2006/relationships/slide" Target="slides/slide4.xml"/><Relationship Id="rId12" Type="http://schemas.openxmlformats.org/officeDocument/2006/relationships/slide" Target="slides/slide9.xml"/><Relationship Id="rId17" Type="http://schemas.openxmlformats.org/officeDocument/2006/relationships/slide" Target="slides/slide14.xml"/><Relationship Id="rId25" Type="http://schemas.openxmlformats.org/officeDocument/2006/relationships/font" Target="fonts/font5.fntdata"/><Relationship Id="rId33"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13.xml"/><Relationship Id="rId20" Type="http://schemas.openxmlformats.org/officeDocument/2006/relationships/handoutMaster" Target="handoutMasters/handoutMaster1.xml"/><Relationship Id="rId29" Type="http://schemas.openxmlformats.org/officeDocument/2006/relationships/font" Target="fonts/font9.fntdata"/><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slide" Target="slides/slide8.xml"/><Relationship Id="rId24" Type="http://schemas.openxmlformats.org/officeDocument/2006/relationships/font" Target="fonts/font4.fntdata"/><Relationship Id="rId32" Type="http://schemas.openxmlformats.org/officeDocument/2006/relationships/font" Target="fonts/font12.fntdata"/><Relationship Id="rId5" Type="http://schemas.openxmlformats.org/officeDocument/2006/relationships/slide" Target="slides/slide2.xml"/><Relationship Id="rId15" Type="http://schemas.openxmlformats.org/officeDocument/2006/relationships/slide" Target="slides/slide12.xml"/><Relationship Id="rId23" Type="http://schemas.openxmlformats.org/officeDocument/2006/relationships/font" Target="fonts/font3.fntdata"/><Relationship Id="rId28" Type="http://schemas.openxmlformats.org/officeDocument/2006/relationships/font" Target="fonts/font8.fntdata"/><Relationship Id="rId36" Type="http://schemas.openxmlformats.org/officeDocument/2006/relationships/tableStyles" Target="tableStyles.xml"/><Relationship Id="rId10" Type="http://schemas.openxmlformats.org/officeDocument/2006/relationships/slide" Target="slides/slide7.xml"/><Relationship Id="rId19" Type="http://schemas.openxmlformats.org/officeDocument/2006/relationships/notesMaster" Target="notesMasters/notesMaster1.xml"/><Relationship Id="rId31" Type="http://schemas.openxmlformats.org/officeDocument/2006/relationships/font" Target="fonts/font11.fntdata"/><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slide" Target="slides/slide11.xml"/><Relationship Id="rId22" Type="http://schemas.openxmlformats.org/officeDocument/2006/relationships/font" Target="fonts/font2.fntdata"/><Relationship Id="rId27" Type="http://schemas.openxmlformats.org/officeDocument/2006/relationships/font" Target="fonts/font7.fntdata"/><Relationship Id="rId30" Type="http://schemas.openxmlformats.org/officeDocument/2006/relationships/font" Target="fonts/font10.fntdata"/><Relationship Id="rId35" Type="http://schemas.openxmlformats.org/officeDocument/2006/relationships/theme" Target="theme/theme1.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oleObject" Target="Book15" TargetMode="External"/><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3" Type="http://schemas.openxmlformats.org/officeDocument/2006/relationships/oleObject" Target="Book15" TargetMode="External"/><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4.xlsx"/><Relationship Id="rId2" Type="http://schemas.microsoft.com/office/2011/relationships/chartColorStyle" Target="colors7.xml"/><Relationship Id="rId1" Type="http://schemas.microsoft.com/office/2011/relationships/chartStyle" Target="style7.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862" b="0" i="0" u="none" strike="noStrike" kern="1200" spc="0" baseline="0">
                <a:solidFill>
                  <a:schemeClr val="tx1">
                    <a:lumMod val="65000"/>
                    <a:lumOff val="35000"/>
                  </a:schemeClr>
                </a:solidFill>
                <a:latin typeface="+mn-lt"/>
                <a:ea typeface="+mn-ea"/>
                <a:cs typeface="+mn-cs"/>
              </a:defRPr>
            </a:pPr>
            <a:r>
              <a:rPr lang="da-DK" sz="1200" b="1" dirty="0"/>
              <a:t>Ansatte i bygge- og anlægsbranchen</a:t>
            </a:r>
            <a:r>
              <a:rPr lang="da-DK" sz="1200" b="1" baseline="0" dirty="0"/>
              <a:t> 2008-2023</a:t>
            </a:r>
            <a:endParaRPr lang="da-DK" sz="1200" b="1" dirty="0"/>
          </a:p>
        </c:rich>
      </c:tx>
      <c:overlay val="0"/>
      <c:spPr>
        <a:noFill/>
        <a:ln>
          <a:noFill/>
        </a:ln>
        <a:effectLst/>
      </c:spPr>
      <c:txPr>
        <a:bodyPr rot="0" spcFirstLastPara="1" vertOverflow="ellipsis" vert="horz" wrap="square" anchor="ctr" anchorCtr="1"/>
        <a:lstStyle/>
        <a:p>
          <a:pPr>
            <a:defRPr sz="1862" b="0" i="0" u="none" strike="noStrike" kern="1200" spc="0" baseline="0">
              <a:solidFill>
                <a:schemeClr val="tx1">
                  <a:lumMod val="65000"/>
                  <a:lumOff val="35000"/>
                </a:schemeClr>
              </a:solidFill>
              <a:latin typeface="+mn-lt"/>
              <a:ea typeface="+mn-ea"/>
              <a:cs typeface="+mn-cs"/>
            </a:defRPr>
          </a:pPr>
          <a:endParaRPr lang="da-DK"/>
        </a:p>
      </c:txPr>
    </c:title>
    <c:autoTitleDeleted val="0"/>
    <c:plotArea>
      <c:layout/>
      <c:barChart>
        <c:barDir val="col"/>
        <c:grouping val="clustered"/>
        <c:varyColors val="0"/>
        <c:ser>
          <c:idx val="0"/>
          <c:order val="0"/>
          <c:tx>
            <c:strRef>
              <c:f>Sheet1!$B$1</c:f>
              <c:strCache>
                <c:ptCount val="1"/>
                <c:pt idx="0">
                  <c:v>Mænd</c:v>
                </c:pt>
              </c:strCache>
            </c:strRef>
          </c:tx>
          <c:spPr>
            <a:solidFill>
              <a:srgbClr val="33556D"/>
            </a:solidFill>
            <a:ln>
              <a:noFill/>
            </a:ln>
            <a:effectLst/>
          </c:spPr>
          <c:invertIfNegative val="0"/>
          <c:cat>
            <c:numRef>
              <c:f>Sheet1!$A$2:$A$17</c:f>
              <c:numCache>
                <c:formatCode>General</c:formatCode>
                <c:ptCount val="16"/>
                <c:pt idx="0">
                  <c:v>2008</c:v>
                </c:pt>
                <c:pt idx="1">
                  <c:v>2009</c:v>
                </c:pt>
                <c:pt idx="2">
                  <c:v>2010</c:v>
                </c:pt>
                <c:pt idx="3">
                  <c:v>2011</c:v>
                </c:pt>
                <c:pt idx="4">
                  <c:v>2012</c:v>
                </c:pt>
                <c:pt idx="5">
                  <c:v>2013</c:v>
                </c:pt>
                <c:pt idx="6">
                  <c:v>2014</c:v>
                </c:pt>
                <c:pt idx="7">
                  <c:v>2015</c:v>
                </c:pt>
                <c:pt idx="8">
                  <c:v>2016</c:v>
                </c:pt>
                <c:pt idx="9">
                  <c:v>2017</c:v>
                </c:pt>
                <c:pt idx="10">
                  <c:v>2018</c:v>
                </c:pt>
                <c:pt idx="11">
                  <c:v>2019</c:v>
                </c:pt>
                <c:pt idx="12">
                  <c:v>2020</c:v>
                </c:pt>
                <c:pt idx="13">
                  <c:v>2021</c:v>
                </c:pt>
                <c:pt idx="14">
                  <c:v>2022</c:v>
                </c:pt>
                <c:pt idx="15">
                  <c:v>2023</c:v>
                </c:pt>
              </c:numCache>
            </c:numRef>
          </c:cat>
          <c:val>
            <c:numRef>
              <c:f>Sheet1!$B$2:$B$17</c:f>
              <c:numCache>
                <c:formatCode>_ * #,##0_ ;_ * \-#,##0_ ;_ * "-"??_ ;_ @_ </c:formatCode>
                <c:ptCount val="16"/>
                <c:pt idx="0">
                  <c:v>164291</c:v>
                </c:pt>
                <c:pt idx="1">
                  <c:v>144546</c:v>
                </c:pt>
                <c:pt idx="2">
                  <c:v>138708</c:v>
                </c:pt>
                <c:pt idx="3">
                  <c:v>142034</c:v>
                </c:pt>
                <c:pt idx="4">
                  <c:v>139850</c:v>
                </c:pt>
                <c:pt idx="5">
                  <c:v>137038</c:v>
                </c:pt>
                <c:pt idx="6">
                  <c:v>141088</c:v>
                </c:pt>
                <c:pt idx="7">
                  <c:v>146183</c:v>
                </c:pt>
                <c:pt idx="8">
                  <c:v>150419</c:v>
                </c:pt>
                <c:pt idx="9">
                  <c:v>155695</c:v>
                </c:pt>
                <c:pt idx="10">
                  <c:v>159948</c:v>
                </c:pt>
                <c:pt idx="11">
                  <c:v>161428</c:v>
                </c:pt>
                <c:pt idx="12">
                  <c:v>165157</c:v>
                </c:pt>
                <c:pt idx="13">
                  <c:v>171427</c:v>
                </c:pt>
                <c:pt idx="14">
                  <c:v>173013</c:v>
                </c:pt>
                <c:pt idx="15">
                  <c:v>171594</c:v>
                </c:pt>
              </c:numCache>
            </c:numRef>
          </c:val>
          <c:extLst>
            <c:ext xmlns:c16="http://schemas.microsoft.com/office/drawing/2014/chart" uri="{C3380CC4-5D6E-409C-BE32-E72D297353CC}">
              <c16:uniqueId val="{00000000-0C35-439C-8B78-BD746E2ABAB7}"/>
            </c:ext>
          </c:extLst>
        </c:ser>
        <c:ser>
          <c:idx val="1"/>
          <c:order val="1"/>
          <c:tx>
            <c:strRef>
              <c:f>Sheet1!$C$1</c:f>
              <c:strCache>
                <c:ptCount val="1"/>
                <c:pt idx="0">
                  <c:v>Kvinder</c:v>
                </c:pt>
              </c:strCache>
            </c:strRef>
          </c:tx>
          <c:spPr>
            <a:solidFill>
              <a:schemeClr val="accent2"/>
            </a:solidFill>
            <a:ln>
              <a:noFill/>
            </a:ln>
            <a:effectLst/>
          </c:spPr>
          <c:invertIfNegative val="0"/>
          <c:cat>
            <c:numRef>
              <c:f>Sheet1!$A$2:$A$17</c:f>
              <c:numCache>
                <c:formatCode>General</c:formatCode>
                <c:ptCount val="16"/>
                <c:pt idx="0">
                  <c:v>2008</c:v>
                </c:pt>
                <c:pt idx="1">
                  <c:v>2009</c:v>
                </c:pt>
                <c:pt idx="2">
                  <c:v>2010</c:v>
                </c:pt>
                <c:pt idx="3">
                  <c:v>2011</c:v>
                </c:pt>
                <c:pt idx="4">
                  <c:v>2012</c:v>
                </c:pt>
                <c:pt idx="5">
                  <c:v>2013</c:v>
                </c:pt>
                <c:pt idx="6">
                  <c:v>2014</c:v>
                </c:pt>
                <c:pt idx="7">
                  <c:v>2015</c:v>
                </c:pt>
                <c:pt idx="8">
                  <c:v>2016</c:v>
                </c:pt>
                <c:pt idx="9">
                  <c:v>2017</c:v>
                </c:pt>
                <c:pt idx="10">
                  <c:v>2018</c:v>
                </c:pt>
                <c:pt idx="11">
                  <c:v>2019</c:v>
                </c:pt>
                <c:pt idx="12">
                  <c:v>2020</c:v>
                </c:pt>
                <c:pt idx="13">
                  <c:v>2021</c:v>
                </c:pt>
                <c:pt idx="14">
                  <c:v>2022</c:v>
                </c:pt>
                <c:pt idx="15">
                  <c:v>2023</c:v>
                </c:pt>
              </c:numCache>
            </c:numRef>
          </c:cat>
          <c:val>
            <c:numRef>
              <c:f>Sheet1!$C$2:$C$17</c:f>
              <c:numCache>
                <c:formatCode>_ * #,##0_ ;_ * \-#,##0_ ;_ * "-"??_ ;_ @_ </c:formatCode>
                <c:ptCount val="16"/>
                <c:pt idx="0">
                  <c:v>17458</c:v>
                </c:pt>
                <c:pt idx="1">
                  <c:v>15612</c:v>
                </c:pt>
                <c:pt idx="2">
                  <c:v>14551</c:v>
                </c:pt>
                <c:pt idx="3">
                  <c:v>14498</c:v>
                </c:pt>
                <c:pt idx="4">
                  <c:v>14395</c:v>
                </c:pt>
                <c:pt idx="5">
                  <c:v>14078</c:v>
                </c:pt>
                <c:pt idx="6">
                  <c:v>14383</c:v>
                </c:pt>
                <c:pt idx="7">
                  <c:v>15004</c:v>
                </c:pt>
                <c:pt idx="8">
                  <c:v>15545</c:v>
                </c:pt>
                <c:pt idx="9">
                  <c:v>16213</c:v>
                </c:pt>
                <c:pt idx="10">
                  <c:v>17069</c:v>
                </c:pt>
                <c:pt idx="11">
                  <c:v>17436</c:v>
                </c:pt>
                <c:pt idx="12">
                  <c:v>18092</c:v>
                </c:pt>
                <c:pt idx="13">
                  <c:v>19008</c:v>
                </c:pt>
                <c:pt idx="14">
                  <c:v>19642</c:v>
                </c:pt>
                <c:pt idx="15">
                  <c:v>19633</c:v>
                </c:pt>
              </c:numCache>
            </c:numRef>
          </c:val>
          <c:extLst>
            <c:ext xmlns:c16="http://schemas.microsoft.com/office/drawing/2014/chart" uri="{C3380CC4-5D6E-409C-BE32-E72D297353CC}">
              <c16:uniqueId val="{00000001-0C35-439C-8B78-BD746E2ABAB7}"/>
            </c:ext>
          </c:extLst>
        </c:ser>
        <c:dLbls>
          <c:showLegendKey val="0"/>
          <c:showVal val="0"/>
          <c:showCatName val="0"/>
          <c:showSerName val="0"/>
          <c:showPercent val="0"/>
          <c:showBubbleSize val="0"/>
        </c:dLbls>
        <c:gapWidth val="219"/>
        <c:axId val="1124064208"/>
        <c:axId val="1124062408"/>
      </c:barChart>
      <c:lineChart>
        <c:grouping val="standard"/>
        <c:varyColors val="0"/>
        <c:ser>
          <c:idx val="2"/>
          <c:order val="2"/>
          <c:tx>
            <c:strRef>
              <c:f>Sheet1!$D$1</c:f>
              <c:strCache>
                <c:ptCount val="1"/>
                <c:pt idx="0">
                  <c:v>Kvindeandel</c:v>
                </c:pt>
              </c:strCache>
            </c:strRef>
          </c:tx>
          <c:spPr>
            <a:ln w="28575" cap="rnd">
              <a:solidFill>
                <a:srgbClr val="F68D2E"/>
              </a:solidFill>
              <a:round/>
            </a:ln>
            <a:effectLst/>
          </c:spPr>
          <c:marker>
            <c:symbol val="none"/>
          </c:marker>
          <c:cat>
            <c:numRef>
              <c:f>Sheet1!$A$2:$A$17</c:f>
              <c:numCache>
                <c:formatCode>General</c:formatCode>
                <c:ptCount val="16"/>
                <c:pt idx="0">
                  <c:v>2008</c:v>
                </c:pt>
                <c:pt idx="1">
                  <c:v>2009</c:v>
                </c:pt>
                <c:pt idx="2">
                  <c:v>2010</c:v>
                </c:pt>
                <c:pt idx="3">
                  <c:v>2011</c:v>
                </c:pt>
                <c:pt idx="4">
                  <c:v>2012</c:v>
                </c:pt>
                <c:pt idx="5">
                  <c:v>2013</c:v>
                </c:pt>
                <c:pt idx="6">
                  <c:v>2014</c:v>
                </c:pt>
                <c:pt idx="7">
                  <c:v>2015</c:v>
                </c:pt>
                <c:pt idx="8">
                  <c:v>2016</c:v>
                </c:pt>
                <c:pt idx="9">
                  <c:v>2017</c:v>
                </c:pt>
                <c:pt idx="10">
                  <c:v>2018</c:v>
                </c:pt>
                <c:pt idx="11">
                  <c:v>2019</c:v>
                </c:pt>
                <c:pt idx="12">
                  <c:v>2020</c:v>
                </c:pt>
                <c:pt idx="13">
                  <c:v>2021</c:v>
                </c:pt>
                <c:pt idx="14">
                  <c:v>2022</c:v>
                </c:pt>
                <c:pt idx="15">
                  <c:v>2023</c:v>
                </c:pt>
              </c:numCache>
            </c:numRef>
          </c:cat>
          <c:val>
            <c:numRef>
              <c:f>Sheet1!$D$2:$D$17</c:f>
              <c:numCache>
                <c:formatCode>0%</c:formatCode>
                <c:ptCount val="16"/>
                <c:pt idx="0">
                  <c:v>9.6055549136446414E-2</c:v>
                </c:pt>
                <c:pt idx="1">
                  <c:v>9.7478739744502302E-2</c:v>
                </c:pt>
                <c:pt idx="2">
                  <c:v>9.4943853215798096E-2</c:v>
                </c:pt>
                <c:pt idx="3">
                  <c:v>9.2620039352975747E-2</c:v>
                </c:pt>
                <c:pt idx="4">
                  <c:v>9.332555350254465E-2</c:v>
                </c:pt>
                <c:pt idx="5">
                  <c:v>9.3160221286958361E-2</c:v>
                </c:pt>
                <c:pt idx="6">
                  <c:v>9.2512429970862731E-2</c:v>
                </c:pt>
                <c:pt idx="7">
                  <c:v>9.3084429885784831E-2</c:v>
                </c:pt>
                <c:pt idx="8">
                  <c:v>9.3664891181220025E-2</c:v>
                </c:pt>
                <c:pt idx="9">
                  <c:v>9.4312073899993021E-2</c:v>
                </c:pt>
                <c:pt idx="10">
                  <c:v>9.6425767016727212E-2</c:v>
                </c:pt>
                <c:pt idx="11">
                  <c:v>9.748188567850434E-2</c:v>
                </c:pt>
                <c:pt idx="12">
                  <c:v>9.8729051727430989E-2</c:v>
                </c:pt>
                <c:pt idx="13">
                  <c:v>9.9813584687688708E-2</c:v>
                </c:pt>
                <c:pt idx="14">
                  <c:v>0.1019542705873193</c:v>
                </c:pt>
                <c:pt idx="15">
                  <c:v>0.10266855621852562</c:v>
                </c:pt>
              </c:numCache>
            </c:numRef>
          </c:val>
          <c:smooth val="0"/>
          <c:extLst>
            <c:ext xmlns:c16="http://schemas.microsoft.com/office/drawing/2014/chart" uri="{C3380CC4-5D6E-409C-BE32-E72D297353CC}">
              <c16:uniqueId val="{00000002-0C35-439C-8B78-BD746E2ABAB7}"/>
            </c:ext>
          </c:extLst>
        </c:ser>
        <c:ser>
          <c:idx val="3"/>
          <c:order val="3"/>
          <c:tx>
            <c:strRef>
              <c:f>Sheet1!$E$1</c:f>
              <c:strCache>
                <c:ptCount val="1"/>
                <c:pt idx="0">
                  <c:v>Column1</c:v>
                </c:pt>
              </c:strCache>
            </c:strRef>
          </c:tx>
          <c:spPr>
            <a:ln w="76200" cap="rnd">
              <a:solidFill>
                <a:srgbClr val="F68D2E"/>
              </a:solidFill>
              <a:prstDash val="sysDash"/>
              <a:round/>
            </a:ln>
            <a:effectLst/>
          </c:spPr>
          <c:marker>
            <c:symbol val="none"/>
          </c:marker>
          <c:cat>
            <c:numRef>
              <c:f>Sheet1!$A$2:$A$17</c:f>
              <c:numCache>
                <c:formatCode>General</c:formatCode>
                <c:ptCount val="16"/>
                <c:pt idx="0">
                  <c:v>2008</c:v>
                </c:pt>
                <c:pt idx="1">
                  <c:v>2009</c:v>
                </c:pt>
                <c:pt idx="2">
                  <c:v>2010</c:v>
                </c:pt>
                <c:pt idx="3">
                  <c:v>2011</c:v>
                </c:pt>
                <c:pt idx="4">
                  <c:v>2012</c:v>
                </c:pt>
                <c:pt idx="5">
                  <c:v>2013</c:v>
                </c:pt>
                <c:pt idx="6">
                  <c:v>2014</c:v>
                </c:pt>
                <c:pt idx="7">
                  <c:v>2015</c:v>
                </c:pt>
                <c:pt idx="8">
                  <c:v>2016</c:v>
                </c:pt>
                <c:pt idx="9">
                  <c:v>2017</c:v>
                </c:pt>
                <c:pt idx="10">
                  <c:v>2018</c:v>
                </c:pt>
                <c:pt idx="11">
                  <c:v>2019</c:v>
                </c:pt>
                <c:pt idx="12">
                  <c:v>2020</c:v>
                </c:pt>
                <c:pt idx="13">
                  <c:v>2021</c:v>
                </c:pt>
                <c:pt idx="14">
                  <c:v>2022</c:v>
                </c:pt>
                <c:pt idx="15">
                  <c:v>2023</c:v>
                </c:pt>
              </c:numCache>
            </c:numRef>
          </c:cat>
          <c:val>
            <c:numRef>
              <c:f>Sheet1!$E$2:$E$17</c:f>
              <c:numCache>
                <c:formatCode>General</c:formatCode>
                <c:ptCount val="16"/>
                <c:pt idx="10" formatCode="0%">
                  <c:v>9.6425767016727212E-2</c:v>
                </c:pt>
                <c:pt idx="11" formatCode="0%">
                  <c:v>0.10606834371839995</c:v>
                </c:pt>
                <c:pt idx="12" formatCode="0%">
                  <c:v>0.11571092042007265</c:v>
                </c:pt>
                <c:pt idx="13" formatCode="0%">
                  <c:v>0.12535349712174537</c:v>
                </c:pt>
                <c:pt idx="14" formatCode="0%">
                  <c:v>0.13499607382341808</c:v>
                </c:pt>
                <c:pt idx="15" formatCode="0%">
                  <c:v>0.14463865052509081</c:v>
                </c:pt>
              </c:numCache>
            </c:numRef>
          </c:val>
          <c:smooth val="0"/>
          <c:extLst>
            <c:ext xmlns:c16="http://schemas.microsoft.com/office/drawing/2014/chart" uri="{C3380CC4-5D6E-409C-BE32-E72D297353CC}">
              <c16:uniqueId val="{00000003-0C35-439C-8B78-BD746E2ABAB7}"/>
            </c:ext>
          </c:extLst>
        </c:ser>
        <c:dLbls>
          <c:showLegendKey val="0"/>
          <c:showVal val="0"/>
          <c:showCatName val="0"/>
          <c:showSerName val="0"/>
          <c:showPercent val="0"/>
          <c:showBubbleSize val="0"/>
        </c:dLbls>
        <c:marker val="1"/>
        <c:smooth val="0"/>
        <c:axId val="1150634960"/>
        <c:axId val="1150637120"/>
      </c:lineChart>
      <c:catAx>
        <c:axId val="112406420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da-DK"/>
          </a:p>
        </c:txPr>
        <c:crossAx val="1124062408"/>
        <c:crosses val="autoZero"/>
        <c:auto val="1"/>
        <c:lblAlgn val="ctr"/>
        <c:lblOffset val="100"/>
        <c:noMultiLvlLbl val="0"/>
      </c:catAx>
      <c:valAx>
        <c:axId val="1124062408"/>
        <c:scaling>
          <c:orientation val="minMax"/>
          <c:max val="180000"/>
        </c:scaling>
        <c:delete val="0"/>
        <c:axPos val="l"/>
        <c:majorGridlines>
          <c:spPr>
            <a:ln w="9525" cap="flat" cmpd="sng" algn="ctr">
              <a:solidFill>
                <a:schemeClr val="tx1">
                  <a:lumMod val="15000"/>
                  <a:lumOff val="85000"/>
                </a:schemeClr>
              </a:solidFill>
              <a:round/>
            </a:ln>
            <a:effectLst/>
          </c:spPr>
        </c:majorGridlines>
        <c:numFmt formatCode="_ * #,##0_ ;_ * \-#,##0_ ;_ * &quot;-&quot;??_ ;_ @_ "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da-DK"/>
          </a:p>
        </c:txPr>
        <c:crossAx val="1124064208"/>
        <c:crosses val="autoZero"/>
        <c:crossBetween val="between"/>
      </c:valAx>
      <c:valAx>
        <c:axId val="1150637120"/>
        <c:scaling>
          <c:orientation val="minMax"/>
        </c:scaling>
        <c:delete val="0"/>
        <c:axPos val="r"/>
        <c:numFmt formatCode="0%" sourceLinked="1"/>
        <c:majorTickMark val="out"/>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da-DK"/>
          </a:p>
        </c:txPr>
        <c:crossAx val="1150634960"/>
        <c:crosses val="max"/>
        <c:crossBetween val="between"/>
      </c:valAx>
      <c:catAx>
        <c:axId val="1150634960"/>
        <c:scaling>
          <c:orientation val="minMax"/>
        </c:scaling>
        <c:delete val="1"/>
        <c:axPos val="b"/>
        <c:numFmt formatCode="General" sourceLinked="1"/>
        <c:majorTickMark val="out"/>
        <c:minorTickMark val="none"/>
        <c:tickLblPos val="nextTo"/>
        <c:crossAx val="1150637120"/>
        <c:crosses val="autoZero"/>
        <c:auto val="1"/>
        <c:lblAlgn val="ctr"/>
        <c:lblOffset val="100"/>
        <c:noMultiLvlLbl val="0"/>
      </c:catAx>
      <c:spPr>
        <a:noFill/>
        <a:ln>
          <a:noFill/>
        </a:ln>
        <a:effectLst/>
      </c:spPr>
    </c:plotArea>
    <c:legend>
      <c:legendPos val="b"/>
      <c:legendEntry>
        <c:idx val="3"/>
        <c:delete val="1"/>
      </c:legendEntry>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da-DK"/>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da-DK"/>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200" b="0" i="0" u="none" strike="noStrike" kern="1200" spc="0" baseline="0">
                <a:solidFill>
                  <a:schemeClr val="tx1">
                    <a:lumMod val="65000"/>
                    <a:lumOff val="35000"/>
                  </a:schemeClr>
                </a:solidFill>
                <a:latin typeface="+mn-lt"/>
                <a:ea typeface="+mn-ea"/>
                <a:cs typeface="+mn-cs"/>
              </a:defRPr>
            </a:pPr>
            <a:r>
              <a:rPr lang="da-DK"/>
              <a:t>Virksomhedernes lokale engagement</a:t>
            </a:r>
          </a:p>
        </c:rich>
      </c:tx>
      <c:overlay val="0"/>
      <c:spPr>
        <a:noFill/>
        <a:ln>
          <a:noFill/>
        </a:ln>
        <a:effectLst/>
      </c:spPr>
      <c:txPr>
        <a:bodyPr rot="0" spcFirstLastPara="1" vertOverflow="ellipsis" vert="horz" wrap="square" anchor="ctr" anchorCtr="1"/>
        <a:lstStyle/>
        <a:p>
          <a:pPr>
            <a:defRPr sz="1200" b="0" i="0" u="none" strike="noStrike" kern="1200" spc="0" baseline="0">
              <a:solidFill>
                <a:schemeClr val="tx1">
                  <a:lumMod val="65000"/>
                  <a:lumOff val="35000"/>
                </a:schemeClr>
              </a:solidFill>
              <a:latin typeface="+mn-lt"/>
              <a:ea typeface="+mn-ea"/>
              <a:cs typeface="+mn-cs"/>
            </a:defRPr>
          </a:pPr>
          <a:endParaRPr lang="da-DK"/>
        </a:p>
      </c:txPr>
    </c:title>
    <c:autoTitleDeleted val="0"/>
    <c:plotArea>
      <c:layout/>
      <c:barChart>
        <c:barDir val="col"/>
        <c:grouping val="clustered"/>
        <c:varyColors val="0"/>
        <c:ser>
          <c:idx val="0"/>
          <c:order val="0"/>
          <c:tx>
            <c:strRef>
              <c:f>Sheet1!$B$1</c:f>
              <c:strCache>
                <c:ptCount val="1"/>
                <c:pt idx="0">
                  <c:v>Alle virksomheder</c:v>
                </c:pt>
              </c:strCache>
            </c:strRef>
          </c:tx>
          <c:spPr>
            <a:solidFill>
              <a:srgbClr val="33556D"/>
            </a:solidFill>
            <a:ln>
              <a:noFill/>
            </a:ln>
            <a:effectLst/>
          </c:spPr>
          <c:invertIfNegative val="0"/>
          <c:dLbls>
            <c:spPr>
              <a:noFill/>
              <a:ln>
                <a:noFill/>
              </a:ln>
              <a:effectLst/>
            </c:spPr>
            <c:txPr>
              <a:bodyPr rot="0" spcFirstLastPara="1" vertOverflow="ellipsis" vert="horz" wrap="square" anchor="ctr" anchorCtr="1"/>
              <a:lstStyle/>
              <a:p>
                <a:pPr>
                  <a:defRPr sz="10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Sponsorater i det lokale foreningsliv (sportsklubber mv.)</c:v>
                </c:pt>
                <c:pt idx="1">
                  <c:v>Praktikanter fra folkeskolen</c:v>
                </c:pt>
                <c:pt idx="2">
                  <c:v>Praktikanter fra erhvervsskolerne</c:v>
                </c:pt>
              </c:strCache>
            </c:strRef>
          </c:cat>
          <c:val>
            <c:numRef>
              <c:f>Sheet1!$B$2:$B$4</c:f>
              <c:numCache>
                <c:formatCode>0.0%</c:formatCode>
                <c:ptCount val="3"/>
                <c:pt idx="0">
                  <c:v>0.68400000000000005</c:v>
                </c:pt>
                <c:pt idx="1">
                  <c:v>0.504</c:v>
                </c:pt>
                <c:pt idx="2">
                  <c:v>0.53100000000000003</c:v>
                </c:pt>
              </c:numCache>
            </c:numRef>
          </c:val>
          <c:extLst>
            <c:ext xmlns:c16="http://schemas.microsoft.com/office/drawing/2014/chart" uri="{C3380CC4-5D6E-409C-BE32-E72D297353CC}">
              <c16:uniqueId val="{00000000-3B3B-4D19-BD95-CE51459FE6A7}"/>
            </c:ext>
          </c:extLst>
        </c:ser>
        <c:ser>
          <c:idx val="1"/>
          <c:order val="1"/>
          <c:tx>
            <c:strRef>
              <c:f>Sheet1!$C$1</c:f>
              <c:strCache>
                <c:ptCount val="1"/>
                <c:pt idx="0">
                  <c:v>&lt;10 ansatte</c:v>
                </c:pt>
              </c:strCache>
            </c:strRef>
          </c:tx>
          <c:spPr>
            <a:solidFill>
              <a:schemeClr val="accent2"/>
            </a:solidFill>
            <a:ln>
              <a:noFill/>
            </a:ln>
            <a:effectLst/>
          </c:spPr>
          <c:invertIfNegative val="0"/>
          <c:dLbls>
            <c:spPr>
              <a:noFill/>
              <a:ln>
                <a:noFill/>
              </a:ln>
              <a:effectLst/>
            </c:spPr>
            <c:txPr>
              <a:bodyPr rot="0" spcFirstLastPara="1" vertOverflow="ellipsis" vert="horz" wrap="square" anchor="ctr" anchorCtr="1"/>
              <a:lstStyle/>
              <a:p>
                <a:pPr>
                  <a:defRPr sz="10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Sponsorater i det lokale foreningsliv (sportsklubber mv.)</c:v>
                </c:pt>
                <c:pt idx="1">
                  <c:v>Praktikanter fra folkeskolen</c:v>
                </c:pt>
                <c:pt idx="2">
                  <c:v>Praktikanter fra erhvervsskolerne</c:v>
                </c:pt>
              </c:strCache>
            </c:strRef>
          </c:cat>
          <c:val>
            <c:numRef>
              <c:f>Sheet1!$C$2:$C$4</c:f>
              <c:numCache>
                <c:formatCode>0.0%</c:formatCode>
                <c:ptCount val="3"/>
                <c:pt idx="0">
                  <c:v>0.62</c:v>
                </c:pt>
                <c:pt idx="1">
                  <c:v>0.41299999999999998</c:v>
                </c:pt>
                <c:pt idx="2">
                  <c:v>0.40200000000000002</c:v>
                </c:pt>
              </c:numCache>
            </c:numRef>
          </c:val>
          <c:extLst>
            <c:ext xmlns:c16="http://schemas.microsoft.com/office/drawing/2014/chart" uri="{C3380CC4-5D6E-409C-BE32-E72D297353CC}">
              <c16:uniqueId val="{00000001-3B3B-4D19-BD95-CE51459FE6A7}"/>
            </c:ext>
          </c:extLst>
        </c:ser>
        <c:ser>
          <c:idx val="2"/>
          <c:order val="2"/>
          <c:tx>
            <c:strRef>
              <c:f>Sheet1!$D$1</c:f>
              <c:strCache>
                <c:ptCount val="1"/>
                <c:pt idx="0">
                  <c:v>10-49 ansatte</c:v>
                </c:pt>
              </c:strCache>
            </c:strRef>
          </c:tx>
          <c:spPr>
            <a:solidFill>
              <a:schemeClr val="accent3"/>
            </a:solidFill>
            <a:ln>
              <a:noFill/>
            </a:ln>
            <a:effectLst/>
          </c:spPr>
          <c:invertIfNegative val="0"/>
          <c:dLbls>
            <c:spPr>
              <a:noFill/>
              <a:ln>
                <a:noFill/>
              </a:ln>
              <a:effectLst/>
            </c:spPr>
            <c:txPr>
              <a:bodyPr rot="0" spcFirstLastPara="1" vertOverflow="ellipsis" vert="horz" wrap="square" anchor="ctr" anchorCtr="1"/>
              <a:lstStyle/>
              <a:p>
                <a:pPr>
                  <a:defRPr sz="10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Sponsorater i det lokale foreningsliv (sportsklubber mv.)</c:v>
                </c:pt>
                <c:pt idx="1">
                  <c:v>Praktikanter fra folkeskolen</c:v>
                </c:pt>
                <c:pt idx="2">
                  <c:v>Praktikanter fra erhvervsskolerne</c:v>
                </c:pt>
              </c:strCache>
            </c:strRef>
          </c:cat>
          <c:val>
            <c:numRef>
              <c:f>Sheet1!$D$2:$D$4</c:f>
              <c:numCache>
                <c:formatCode>0.0%</c:formatCode>
                <c:ptCount val="3"/>
                <c:pt idx="0">
                  <c:v>0.77</c:v>
                </c:pt>
                <c:pt idx="1">
                  <c:v>0.57499999999999996</c:v>
                </c:pt>
                <c:pt idx="2">
                  <c:v>0.58599999999999997</c:v>
                </c:pt>
              </c:numCache>
            </c:numRef>
          </c:val>
          <c:extLst>
            <c:ext xmlns:c16="http://schemas.microsoft.com/office/drawing/2014/chart" uri="{C3380CC4-5D6E-409C-BE32-E72D297353CC}">
              <c16:uniqueId val="{00000002-3B3B-4D19-BD95-CE51459FE6A7}"/>
            </c:ext>
          </c:extLst>
        </c:ser>
        <c:ser>
          <c:idx val="3"/>
          <c:order val="3"/>
          <c:tx>
            <c:strRef>
              <c:f>Sheet1!$E$1</c:f>
              <c:strCache>
                <c:ptCount val="1"/>
                <c:pt idx="0">
                  <c:v>50-99 ansatte</c:v>
                </c:pt>
              </c:strCache>
            </c:strRef>
          </c:tx>
          <c:spPr>
            <a:solidFill>
              <a:srgbClr val="00AB8E"/>
            </a:solidFill>
            <a:ln>
              <a:noFill/>
            </a:ln>
            <a:effectLst/>
          </c:spPr>
          <c:invertIfNegative val="0"/>
          <c:dLbls>
            <c:spPr>
              <a:noFill/>
              <a:ln>
                <a:noFill/>
              </a:ln>
              <a:effectLst/>
            </c:spPr>
            <c:txPr>
              <a:bodyPr rot="0" spcFirstLastPara="1" vertOverflow="ellipsis" vert="horz" wrap="square" anchor="ctr" anchorCtr="1"/>
              <a:lstStyle/>
              <a:p>
                <a:pPr>
                  <a:defRPr sz="10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Sponsorater i det lokale foreningsliv (sportsklubber mv.)</c:v>
                </c:pt>
                <c:pt idx="1">
                  <c:v>Praktikanter fra folkeskolen</c:v>
                </c:pt>
                <c:pt idx="2">
                  <c:v>Praktikanter fra erhvervsskolerne</c:v>
                </c:pt>
              </c:strCache>
            </c:strRef>
          </c:cat>
          <c:val>
            <c:numRef>
              <c:f>Sheet1!$E$2:$E$4</c:f>
              <c:numCache>
                <c:formatCode>0.0%</c:formatCode>
                <c:ptCount val="3"/>
                <c:pt idx="0">
                  <c:v>0.72399999999999998</c:v>
                </c:pt>
                <c:pt idx="1">
                  <c:v>0.51700000000000002</c:v>
                </c:pt>
                <c:pt idx="2">
                  <c:v>0.65500000000000003</c:v>
                </c:pt>
              </c:numCache>
            </c:numRef>
          </c:val>
          <c:extLst>
            <c:ext xmlns:c16="http://schemas.microsoft.com/office/drawing/2014/chart" uri="{C3380CC4-5D6E-409C-BE32-E72D297353CC}">
              <c16:uniqueId val="{00000003-3B3B-4D19-BD95-CE51459FE6A7}"/>
            </c:ext>
          </c:extLst>
        </c:ser>
        <c:ser>
          <c:idx val="4"/>
          <c:order val="4"/>
          <c:tx>
            <c:strRef>
              <c:f>Sheet1!$F$1</c:f>
              <c:strCache>
                <c:ptCount val="1"/>
                <c:pt idx="0">
                  <c:v>&gt;100 ansatte</c:v>
                </c:pt>
              </c:strCache>
            </c:strRef>
          </c:tx>
          <c:spPr>
            <a:solidFill>
              <a:srgbClr val="F68D2E"/>
            </a:solidFill>
            <a:ln>
              <a:noFill/>
            </a:ln>
            <a:effectLst/>
          </c:spPr>
          <c:invertIfNegative val="0"/>
          <c:dLbls>
            <c:spPr>
              <a:noFill/>
              <a:ln>
                <a:noFill/>
              </a:ln>
              <a:effectLst/>
            </c:spPr>
            <c:txPr>
              <a:bodyPr rot="0" spcFirstLastPara="1" vertOverflow="ellipsis" vert="horz" wrap="square" anchor="ctr" anchorCtr="1"/>
              <a:lstStyle/>
              <a:p>
                <a:pPr>
                  <a:defRPr sz="10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Sponsorater i det lokale foreningsliv (sportsklubber mv.)</c:v>
                </c:pt>
                <c:pt idx="1">
                  <c:v>Praktikanter fra folkeskolen</c:v>
                </c:pt>
                <c:pt idx="2">
                  <c:v>Praktikanter fra erhvervsskolerne</c:v>
                </c:pt>
              </c:strCache>
            </c:strRef>
          </c:cat>
          <c:val>
            <c:numRef>
              <c:f>Sheet1!$F$2:$F$4</c:f>
              <c:numCache>
                <c:formatCode>0.0%</c:formatCode>
                <c:ptCount val="3"/>
                <c:pt idx="0">
                  <c:v>0.55000000000000004</c:v>
                </c:pt>
                <c:pt idx="1">
                  <c:v>0.6</c:v>
                </c:pt>
                <c:pt idx="2">
                  <c:v>0.7</c:v>
                </c:pt>
              </c:numCache>
            </c:numRef>
          </c:val>
          <c:extLst>
            <c:ext xmlns:c16="http://schemas.microsoft.com/office/drawing/2014/chart" uri="{C3380CC4-5D6E-409C-BE32-E72D297353CC}">
              <c16:uniqueId val="{00000004-3B3B-4D19-BD95-CE51459FE6A7}"/>
            </c:ext>
          </c:extLst>
        </c:ser>
        <c:dLbls>
          <c:showLegendKey val="0"/>
          <c:showVal val="1"/>
          <c:showCatName val="0"/>
          <c:showSerName val="0"/>
          <c:showPercent val="0"/>
          <c:showBubbleSize val="0"/>
        </c:dLbls>
        <c:gapWidth val="150"/>
        <c:overlap val="-25"/>
        <c:axId val="1124972008"/>
        <c:axId val="1124971648"/>
      </c:barChart>
      <c:catAx>
        <c:axId val="112497200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da-DK"/>
          </a:p>
        </c:txPr>
        <c:crossAx val="1124971648"/>
        <c:crosses val="autoZero"/>
        <c:auto val="1"/>
        <c:lblAlgn val="ctr"/>
        <c:lblOffset val="100"/>
        <c:noMultiLvlLbl val="0"/>
      </c:catAx>
      <c:valAx>
        <c:axId val="1124971648"/>
        <c:scaling>
          <c:orientation val="minMax"/>
        </c:scaling>
        <c:delete val="1"/>
        <c:axPos val="l"/>
        <c:numFmt formatCode="0.0%" sourceLinked="1"/>
        <c:majorTickMark val="none"/>
        <c:minorTickMark val="none"/>
        <c:tickLblPos val="nextTo"/>
        <c:crossAx val="1124972008"/>
        <c:crosses val="autoZero"/>
        <c:crossBetween val="between"/>
      </c:valAx>
      <c:spPr>
        <a:noFill/>
        <a:ln>
          <a:noFill/>
        </a:ln>
        <a:effectLst/>
      </c:spPr>
    </c:plotArea>
    <c:legend>
      <c:legendPos val="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da-DK"/>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000"/>
      </a:pPr>
      <a:endParaRPr lang="da-DK"/>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200" b="1" i="0" u="none" strike="noStrike" kern="1200" spc="0" baseline="0">
                <a:solidFill>
                  <a:schemeClr val="tx1">
                    <a:lumMod val="65000"/>
                    <a:lumOff val="35000"/>
                  </a:schemeClr>
                </a:solidFill>
                <a:latin typeface="+mn-lt"/>
                <a:ea typeface="+mn-ea"/>
                <a:cs typeface="+mn-cs"/>
              </a:defRPr>
            </a:pPr>
            <a:r>
              <a:rPr lang="da-DK" sz="1200" b="1" dirty="0"/>
              <a:t>Forandringer, som virksomhederne har foretaget, for at kunne rekruttere</a:t>
            </a:r>
            <a:r>
              <a:rPr lang="da-DK" sz="1200" b="1" baseline="0" dirty="0"/>
              <a:t> nye medarbejdere</a:t>
            </a:r>
            <a:endParaRPr lang="da-DK" sz="1200" b="1" dirty="0"/>
          </a:p>
        </c:rich>
      </c:tx>
      <c:overlay val="0"/>
      <c:spPr>
        <a:noFill/>
        <a:ln>
          <a:noFill/>
        </a:ln>
        <a:effectLst/>
      </c:spPr>
      <c:txPr>
        <a:bodyPr rot="0" spcFirstLastPara="1" vertOverflow="ellipsis" vert="horz" wrap="square" anchor="ctr" anchorCtr="1"/>
        <a:lstStyle/>
        <a:p>
          <a:pPr>
            <a:defRPr sz="1200" b="1" i="0" u="none" strike="noStrike" kern="1200" spc="0" baseline="0">
              <a:solidFill>
                <a:schemeClr val="tx1">
                  <a:lumMod val="65000"/>
                  <a:lumOff val="35000"/>
                </a:schemeClr>
              </a:solidFill>
              <a:latin typeface="+mn-lt"/>
              <a:ea typeface="+mn-ea"/>
              <a:cs typeface="+mn-cs"/>
            </a:defRPr>
          </a:pPr>
          <a:endParaRPr lang="da-DK"/>
        </a:p>
      </c:txPr>
    </c:title>
    <c:autoTitleDeleted val="0"/>
    <c:plotArea>
      <c:layout/>
      <c:barChart>
        <c:barDir val="col"/>
        <c:grouping val="clustered"/>
        <c:varyColors val="0"/>
        <c:ser>
          <c:idx val="0"/>
          <c:order val="0"/>
          <c:tx>
            <c:strRef>
              <c:f>Sheet1!$B$1</c:f>
              <c:strCache>
                <c:ptCount val="1"/>
                <c:pt idx="0">
                  <c:v>Rekrutteringsmetoder</c:v>
                </c:pt>
              </c:strCache>
            </c:strRef>
          </c:tx>
          <c:spPr>
            <a:solidFill>
              <a:srgbClr val="007096"/>
            </a:solidFill>
            <a:ln>
              <a:noFill/>
            </a:ln>
            <a:effectLst/>
          </c:spPr>
          <c:invertIfNegative val="0"/>
          <c:cat>
            <c:strRef>
              <c:f>Sheet1!$A$2:$A$6</c:f>
              <c:strCache>
                <c:ptCount val="5"/>
                <c:pt idx="0">
                  <c:v>Alle virksomheder</c:v>
                </c:pt>
                <c:pt idx="1">
                  <c:v>&lt;10 ansatte</c:v>
                </c:pt>
                <c:pt idx="2">
                  <c:v>10-49 ansatte</c:v>
                </c:pt>
                <c:pt idx="3">
                  <c:v>50-99 ansatte</c:v>
                </c:pt>
                <c:pt idx="4">
                  <c:v>&gt;100 ansatte</c:v>
                </c:pt>
              </c:strCache>
            </c:strRef>
          </c:cat>
          <c:val>
            <c:numRef>
              <c:f>Sheet1!$B$2:$B$6</c:f>
              <c:numCache>
                <c:formatCode>0%</c:formatCode>
                <c:ptCount val="5"/>
                <c:pt idx="0">
                  <c:v>0.27600000000000002</c:v>
                </c:pt>
                <c:pt idx="1">
                  <c:v>0.12</c:v>
                </c:pt>
                <c:pt idx="2">
                  <c:v>0.33300000000000002</c:v>
                </c:pt>
                <c:pt idx="3">
                  <c:v>0.379</c:v>
                </c:pt>
                <c:pt idx="4">
                  <c:v>0.6</c:v>
                </c:pt>
              </c:numCache>
            </c:numRef>
          </c:val>
          <c:extLst>
            <c:ext xmlns:c16="http://schemas.microsoft.com/office/drawing/2014/chart" uri="{C3380CC4-5D6E-409C-BE32-E72D297353CC}">
              <c16:uniqueId val="{00000000-3473-4899-A080-5481F8CF1E29}"/>
            </c:ext>
          </c:extLst>
        </c:ser>
        <c:ser>
          <c:idx val="1"/>
          <c:order val="1"/>
          <c:tx>
            <c:strRef>
              <c:f>Sheet1!$C$1</c:f>
              <c:strCache>
                <c:ptCount val="1"/>
                <c:pt idx="0">
                  <c:v>Mere fleksible arbejdsforhold</c:v>
                </c:pt>
              </c:strCache>
            </c:strRef>
          </c:tx>
          <c:spPr>
            <a:solidFill>
              <a:schemeClr val="accent2"/>
            </a:solidFill>
            <a:ln>
              <a:noFill/>
            </a:ln>
            <a:effectLst/>
          </c:spPr>
          <c:invertIfNegative val="0"/>
          <c:cat>
            <c:strRef>
              <c:f>Sheet1!$A$2:$A$6</c:f>
              <c:strCache>
                <c:ptCount val="5"/>
                <c:pt idx="0">
                  <c:v>Alle virksomheder</c:v>
                </c:pt>
                <c:pt idx="1">
                  <c:v>&lt;10 ansatte</c:v>
                </c:pt>
                <c:pt idx="2">
                  <c:v>10-49 ansatte</c:v>
                </c:pt>
                <c:pt idx="3">
                  <c:v>50-99 ansatte</c:v>
                </c:pt>
                <c:pt idx="4">
                  <c:v>&gt;100 ansatte</c:v>
                </c:pt>
              </c:strCache>
            </c:strRef>
          </c:cat>
          <c:val>
            <c:numRef>
              <c:f>Sheet1!$C$2:$C$6</c:f>
              <c:numCache>
                <c:formatCode>0%</c:formatCode>
                <c:ptCount val="5"/>
                <c:pt idx="0">
                  <c:v>0.33800000000000002</c:v>
                </c:pt>
                <c:pt idx="1">
                  <c:v>0.16300000000000001</c:v>
                </c:pt>
                <c:pt idx="2">
                  <c:v>0.42499999999999999</c:v>
                </c:pt>
                <c:pt idx="3">
                  <c:v>0.51700000000000002</c:v>
                </c:pt>
                <c:pt idx="4">
                  <c:v>0.5</c:v>
                </c:pt>
              </c:numCache>
            </c:numRef>
          </c:val>
          <c:extLst>
            <c:ext xmlns:c16="http://schemas.microsoft.com/office/drawing/2014/chart" uri="{C3380CC4-5D6E-409C-BE32-E72D297353CC}">
              <c16:uniqueId val="{00000001-3473-4899-A080-5481F8CF1E29}"/>
            </c:ext>
          </c:extLst>
        </c:ser>
        <c:ser>
          <c:idx val="2"/>
          <c:order val="2"/>
          <c:tx>
            <c:strRef>
              <c:f>Sheet1!$D$1</c:f>
              <c:strCache>
                <c:ptCount val="1"/>
                <c:pt idx="0">
                  <c:v>Fysiske rammer</c:v>
                </c:pt>
              </c:strCache>
            </c:strRef>
          </c:tx>
          <c:spPr>
            <a:solidFill>
              <a:schemeClr val="accent3"/>
            </a:solidFill>
            <a:ln>
              <a:noFill/>
            </a:ln>
            <a:effectLst/>
          </c:spPr>
          <c:invertIfNegative val="0"/>
          <c:cat>
            <c:strRef>
              <c:f>Sheet1!$A$2:$A$6</c:f>
              <c:strCache>
                <c:ptCount val="5"/>
                <c:pt idx="0">
                  <c:v>Alle virksomheder</c:v>
                </c:pt>
                <c:pt idx="1">
                  <c:v>&lt;10 ansatte</c:v>
                </c:pt>
                <c:pt idx="2">
                  <c:v>10-49 ansatte</c:v>
                </c:pt>
                <c:pt idx="3">
                  <c:v>50-99 ansatte</c:v>
                </c:pt>
                <c:pt idx="4">
                  <c:v>&gt;100 ansatte</c:v>
                </c:pt>
              </c:strCache>
            </c:strRef>
          </c:cat>
          <c:val>
            <c:numRef>
              <c:f>Sheet1!$D$2:$D$6</c:f>
              <c:numCache>
                <c:formatCode>0%</c:formatCode>
                <c:ptCount val="5"/>
                <c:pt idx="0">
                  <c:v>0.21099999999999999</c:v>
                </c:pt>
                <c:pt idx="1">
                  <c:v>9.8000000000000004E-2</c:v>
                </c:pt>
                <c:pt idx="2">
                  <c:v>0.25600000000000001</c:v>
                </c:pt>
                <c:pt idx="3">
                  <c:v>0.31</c:v>
                </c:pt>
                <c:pt idx="4">
                  <c:v>0.4</c:v>
                </c:pt>
              </c:numCache>
            </c:numRef>
          </c:val>
          <c:extLst>
            <c:ext xmlns:c16="http://schemas.microsoft.com/office/drawing/2014/chart" uri="{C3380CC4-5D6E-409C-BE32-E72D297353CC}">
              <c16:uniqueId val="{00000002-3473-4899-A080-5481F8CF1E29}"/>
            </c:ext>
          </c:extLst>
        </c:ser>
        <c:dLbls>
          <c:showLegendKey val="0"/>
          <c:showVal val="0"/>
          <c:showCatName val="0"/>
          <c:showSerName val="0"/>
          <c:showPercent val="0"/>
          <c:showBubbleSize val="0"/>
        </c:dLbls>
        <c:gapWidth val="219"/>
        <c:overlap val="-27"/>
        <c:axId val="1048936664"/>
        <c:axId val="1048939904"/>
      </c:barChart>
      <c:catAx>
        <c:axId val="104893666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da-DK"/>
          </a:p>
        </c:txPr>
        <c:crossAx val="1048939904"/>
        <c:crosses val="autoZero"/>
        <c:auto val="1"/>
        <c:lblAlgn val="ctr"/>
        <c:lblOffset val="100"/>
        <c:noMultiLvlLbl val="0"/>
      </c:catAx>
      <c:valAx>
        <c:axId val="1048939904"/>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da-DK"/>
          </a:p>
        </c:txPr>
        <c:crossAx val="104893666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da-DK"/>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da-DK"/>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Yngre medarbejdere</c:v>
                </c:pt>
              </c:strCache>
            </c:strRef>
          </c:tx>
          <c:spPr>
            <a:solidFill>
              <a:srgbClr val="F68D2E"/>
            </a:solidFill>
            <a:ln>
              <a:solidFill>
                <a:srgbClr val="F68D2E"/>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bg1"/>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Alle virksomheder</c:v>
                </c:pt>
                <c:pt idx="1">
                  <c:v>&lt;10 ansatte</c:v>
                </c:pt>
                <c:pt idx="2">
                  <c:v>10-49 ansatte</c:v>
                </c:pt>
                <c:pt idx="3">
                  <c:v>50-99 ansatte</c:v>
                </c:pt>
                <c:pt idx="4">
                  <c:v>&gt;100 ansatte</c:v>
                </c:pt>
              </c:strCache>
            </c:strRef>
          </c:cat>
          <c:val>
            <c:numRef>
              <c:f>Sheet1!$B$2:$B$6</c:f>
              <c:numCache>
                <c:formatCode>0.0%</c:formatCode>
                <c:ptCount val="5"/>
                <c:pt idx="0">
                  <c:v>0.49199999999999999</c:v>
                </c:pt>
                <c:pt idx="1">
                  <c:v>0.54400000000000004</c:v>
                </c:pt>
                <c:pt idx="2">
                  <c:v>0.48299999999999998</c:v>
                </c:pt>
                <c:pt idx="3">
                  <c:v>0.36399999999999999</c:v>
                </c:pt>
                <c:pt idx="4">
                  <c:v>0.41176470588235292</c:v>
                </c:pt>
              </c:numCache>
            </c:numRef>
          </c:val>
          <c:extLst>
            <c:ext xmlns:c16="http://schemas.microsoft.com/office/drawing/2014/chart" uri="{C3380CC4-5D6E-409C-BE32-E72D297353CC}">
              <c16:uniqueId val="{00000000-70F8-4AAA-AD41-CD32D1E9E9BB}"/>
            </c:ext>
          </c:extLst>
        </c:ser>
        <c:ser>
          <c:idx val="1"/>
          <c:order val="1"/>
          <c:tx>
            <c:strRef>
              <c:f>Sheet1!$C$1</c:f>
              <c:strCache>
                <c:ptCount val="1"/>
                <c:pt idx="0">
                  <c:v>Udenlandske medarbejdere</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bg1"/>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Alle virksomheder</c:v>
                </c:pt>
                <c:pt idx="1">
                  <c:v>&lt;10 ansatte</c:v>
                </c:pt>
                <c:pt idx="2">
                  <c:v>10-49 ansatte</c:v>
                </c:pt>
                <c:pt idx="3">
                  <c:v>50-99 ansatte</c:v>
                </c:pt>
                <c:pt idx="4">
                  <c:v>&gt;100 ansatte</c:v>
                </c:pt>
              </c:strCache>
            </c:strRef>
          </c:cat>
          <c:val>
            <c:numRef>
              <c:f>Sheet1!$C$2:$C$6</c:f>
              <c:numCache>
                <c:formatCode>0.0%</c:formatCode>
                <c:ptCount val="5"/>
                <c:pt idx="0">
                  <c:v>0.222</c:v>
                </c:pt>
                <c:pt idx="1">
                  <c:v>0.36399999999999999</c:v>
                </c:pt>
                <c:pt idx="2">
                  <c:v>0.20699999999999999</c:v>
                </c:pt>
                <c:pt idx="3">
                  <c:v>9.0999999999999998E-2</c:v>
                </c:pt>
                <c:pt idx="4">
                  <c:v>0.17647058823529413</c:v>
                </c:pt>
              </c:numCache>
            </c:numRef>
          </c:val>
          <c:extLst>
            <c:ext xmlns:c16="http://schemas.microsoft.com/office/drawing/2014/chart" uri="{C3380CC4-5D6E-409C-BE32-E72D297353CC}">
              <c16:uniqueId val="{00000001-70F8-4AAA-AD41-CD32D1E9E9BB}"/>
            </c:ext>
          </c:extLst>
        </c:ser>
        <c:ser>
          <c:idx val="2"/>
          <c:order val="2"/>
          <c:tx>
            <c:strRef>
              <c:f>Sheet1!$D$1</c:f>
              <c:strCache>
                <c:ptCount val="1"/>
                <c:pt idx="0">
                  <c:v>Kvindelige medarbejdere</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bg1"/>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Alle virksomheder</c:v>
                </c:pt>
                <c:pt idx="1">
                  <c:v>&lt;10 ansatte</c:v>
                </c:pt>
                <c:pt idx="2">
                  <c:v>10-49 ansatte</c:v>
                </c:pt>
                <c:pt idx="3">
                  <c:v>50-99 ansatte</c:v>
                </c:pt>
                <c:pt idx="4">
                  <c:v>&gt;100 ansatte</c:v>
                </c:pt>
              </c:strCache>
            </c:strRef>
          </c:cat>
          <c:val>
            <c:numRef>
              <c:f>Sheet1!$D$2:$D$6</c:f>
              <c:numCache>
                <c:formatCode>0.0%</c:formatCode>
                <c:ptCount val="5"/>
                <c:pt idx="0">
                  <c:v>0.41299999999999998</c:v>
                </c:pt>
                <c:pt idx="1">
                  <c:v>0.27300000000000002</c:v>
                </c:pt>
                <c:pt idx="2">
                  <c:v>0.41399999999999998</c:v>
                </c:pt>
                <c:pt idx="3">
                  <c:v>0.36399999999999999</c:v>
                </c:pt>
                <c:pt idx="4">
                  <c:v>0.41176470588235292</c:v>
                </c:pt>
              </c:numCache>
            </c:numRef>
          </c:val>
          <c:extLst>
            <c:ext xmlns:c16="http://schemas.microsoft.com/office/drawing/2014/chart" uri="{C3380CC4-5D6E-409C-BE32-E72D297353CC}">
              <c16:uniqueId val="{00000000-558B-418A-B5C7-6248C6E65E86}"/>
            </c:ext>
          </c:extLst>
        </c:ser>
        <c:dLbls>
          <c:showLegendKey val="0"/>
          <c:showVal val="1"/>
          <c:showCatName val="0"/>
          <c:showSerName val="0"/>
          <c:showPercent val="0"/>
          <c:showBubbleSize val="0"/>
        </c:dLbls>
        <c:gapWidth val="150"/>
        <c:overlap val="-25"/>
        <c:axId val="1200799608"/>
        <c:axId val="1200797808"/>
      </c:barChart>
      <c:catAx>
        <c:axId val="120079960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bg1"/>
                </a:solidFill>
                <a:latin typeface="+mn-lt"/>
                <a:ea typeface="+mn-ea"/>
                <a:cs typeface="+mn-cs"/>
              </a:defRPr>
            </a:pPr>
            <a:endParaRPr lang="da-DK"/>
          </a:p>
        </c:txPr>
        <c:crossAx val="1200797808"/>
        <c:crosses val="autoZero"/>
        <c:auto val="1"/>
        <c:lblAlgn val="ctr"/>
        <c:lblOffset val="100"/>
        <c:noMultiLvlLbl val="0"/>
      </c:catAx>
      <c:valAx>
        <c:axId val="1200797808"/>
        <c:scaling>
          <c:orientation val="minMax"/>
          <c:max val="1"/>
        </c:scaling>
        <c:delete val="1"/>
        <c:axPos val="l"/>
        <c:numFmt formatCode="0%" sourceLinked="0"/>
        <c:majorTickMark val="none"/>
        <c:minorTickMark val="none"/>
        <c:tickLblPos val="nextTo"/>
        <c:crossAx val="1200799608"/>
        <c:crosses val="autoZero"/>
        <c:crossBetween val="between"/>
      </c:valAx>
      <c:spPr>
        <a:noFill/>
        <a:ln>
          <a:noFill/>
        </a:ln>
        <a:effectLst/>
      </c:spPr>
    </c:plotArea>
    <c:legend>
      <c:legendPos val="t"/>
      <c:overlay val="0"/>
      <c:spPr>
        <a:noFill/>
        <a:ln>
          <a:noFill/>
        </a:ln>
        <a:effectLst/>
      </c:spPr>
      <c:txPr>
        <a:bodyPr rot="0" spcFirstLastPara="1" vertOverflow="ellipsis" vert="horz" wrap="square" anchor="ctr" anchorCtr="1"/>
        <a:lstStyle/>
        <a:p>
          <a:pPr>
            <a:defRPr sz="1197" b="0" i="0" u="none" strike="noStrike" kern="1200" baseline="0">
              <a:solidFill>
                <a:schemeClr val="bg1"/>
              </a:solidFill>
              <a:latin typeface="+mn-lt"/>
              <a:ea typeface="+mn-ea"/>
              <a:cs typeface="+mn-cs"/>
            </a:defRPr>
          </a:pPr>
          <a:endParaRPr lang="da-DK"/>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da-DK"/>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J$6</c:f>
              <c:strCache>
                <c:ptCount val="1"/>
                <c:pt idx="0">
                  <c:v>Alle virksomheder</c:v>
                </c:pt>
              </c:strCache>
            </c:strRef>
          </c:tx>
          <c:spPr>
            <a:ln>
              <a:noFill/>
            </a:ln>
          </c:spPr>
          <c:dPt>
            <c:idx val="0"/>
            <c:bubble3D val="0"/>
            <c:spPr>
              <a:solidFill>
                <a:srgbClr val="A7A4E0"/>
              </a:solidFill>
              <a:ln w="19050">
                <a:noFill/>
              </a:ln>
              <a:effectLst/>
            </c:spPr>
            <c:extLst>
              <c:ext xmlns:c16="http://schemas.microsoft.com/office/drawing/2014/chart" uri="{C3380CC4-5D6E-409C-BE32-E72D297353CC}">
                <c16:uniqueId val="{00000001-C72C-4F4E-85DA-A1545DF8BF6A}"/>
              </c:ext>
            </c:extLst>
          </c:dPt>
          <c:dPt>
            <c:idx val="1"/>
            <c:bubble3D val="0"/>
            <c:spPr>
              <a:solidFill>
                <a:srgbClr val="336D74"/>
              </a:solidFill>
              <a:ln w="19050">
                <a:noFill/>
              </a:ln>
              <a:effectLst/>
            </c:spPr>
            <c:extLst>
              <c:ext xmlns:c16="http://schemas.microsoft.com/office/drawing/2014/chart" uri="{C3380CC4-5D6E-409C-BE32-E72D297353CC}">
                <c16:uniqueId val="{00000003-C72C-4F4E-85DA-A1545DF8BF6A}"/>
              </c:ext>
            </c:extLst>
          </c:dPt>
          <c:dPt>
            <c:idx val="2"/>
            <c:bubble3D val="0"/>
            <c:spPr>
              <a:solidFill>
                <a:schemeClr val="accent3"/>
              </a:solidFill>
              <a:ln w="19050">
                <a:noFill/>
              </a:ln>
              <a:effectLst/>
            </c:spPr>
            <c:extLst>
              <c:ext xmlns:c16="http://schemas.microsoft.com/office/drawing/2014/chart" uri="{C3380CC4-5D6E-409C-BE32-E72D297353CC}">
                <c16:uniqueId val="{00000005-C72C-4F4E-85DA-A1545DF8BF6A}"/>
              </c:ext>
            </c:extLst>
          </c:dPt>
          <c:dPt>
            <c:idx val="3"/>
            <c:bubble3D val="0"/>
            <c:spPr>
              <a:solidFill>
                <a:srgbClr val="A4D3ED"/>
              </a:solidFill>
              <a:ln w="19050">
                <a:noFill/>
              </a:ln>
              <a:effectLst/>
            </c:spPr>
            <c:extLst>
              <c:ext xmlns:c16="http://schemas.microsoft.com/office/drawing/2014/chart" uri="{C3380CC4-5D6E-409C-BE32-E72D297353CC}">
                <c16:uniqueId val="{00000007-C72C-4F4E-85DA-A1545DF8BF6A}"/>
              </c:ext>
            </c:extLst>
          </c:dPt>
          <c:dPt>
            <c:idx val="4"/>
            <c:bubble3D val="0"/>
            <c:spPr>
              <a:solidFill>
                <a:srgbClr val="F68D2E"/>
              </a:solidFill>
              <a:ln w="19050">
                <a:noFill/>
              </a:ln>
              <a:effectLst/>
            </c:spPr>
            <c:extLst>
              <c:ext xmlns:c16="http://schemas.microsoft.com/office/drawing/2014/chart" uri="{C3380CC4-5D6E-409C-BE32-E72D297353CC}">
                <c16:uniqueId val="{00000009-C72C-4F4E-85DA-A1545DF8BF6A}"/>
              </c:ext>
            </c:extLst>
          </c:dPt>
          <c:dPt>
            <c:idx val="5"/>
            <c:bubble3D val="0"/>
            <c:spPr>
              <a:solidFill>
                <a:srgbClr val="00AB8E"/>
              </a:solidFill>
              <a:ln w="19050">
                <a:noFill/>
              </a:ln>
              <a:effectLst/>
            </c:spPr>
            <c:extLst>
              <c:ext xmlns:c16="http://schemas.microsoft.com/office/drawing/2014/chart" uri="{C3380CC4-5D6E-409C-BE32-E72D297353CC}">
                <c16:uniqueId val="{0000000B-C72C-4F4E-85DA-A1545DF8BF6A}"/>
              </c:ext>
            </c:extLst>
          </c:dPt>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da-DK"/>
              </a:p>
            </c:txP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I$7:$I$12</c:f>
              <c:strCache>
                <c:ptCount val="6"/>
                <c:pt idx="0">
                  <c:v>I ledelsen</c:v>
                </c:pt>
                <c:pt idx="1">
                  <c:v>På kontoret</c:v>
                </c:pt>
                <c:pt idx="2">
                  <c:v>Blandt svendene</c:v>
                </c:pt>
                <c:pt idx="3">
                  <c:v>Blandt lærlingene</c:v>
                </c:pt>
                <c:pt idx="4">
                  <c:v>Blandt de ufaglærte</c:v>
                </c:pt>
                <c:pt idx="5">
                  <c:v>Ingen kvindelige ansatte</c:v>
                </c:pt>
              </c:strCache>
            </c:strRef>
          </c:cat>
          <c:val>
            <c:numRef>
              <c:f>Sheet1!$J$7:$J$12</c:f>
              <c:numCache>
                <c:formatCode>0.00%</c:formatCode>
                <c:ptCount val="6"/>
                <c:pt idx="0">
                  <c:v>0.34200000000000003</c:v>
                </c:pt>
                <c:pt idx="1">
                  <c:v>0.68400000000000005</c:v>
                </c:pt>
                <c:pt idx="2">
                  <c:v>0.17499999999999999</c:v>
                </c:pt>
                <c:pt idx="3">
                  <c:v>0.16200000000000001</c:v>
                </c:pt>
                <c:pt idx="4">
                  <c:v>9.1999999999999998E-2</c:v>
                </c:pt>
                <c:pt idx="5">
                  <c:v>0.23200000000000001</c:v>
                </c:pt>
              </c:numCache>
            </c:numRef>
          </c:val>
          <c:extLst>
            <c:ext xmlns:c16="http://schemas.microsoft.com/office/drawing/2014/chart" uri="{C3380CC4-5D6E-409C-BE32-E72D297353CC}">
              <c16:uniqueId val="{0000000C-C72C-4F4E-85DA-A1545DF8BF6A}"/>
            </c:ext>
          </c:extLst>
        </c:ser>
        <c:dLbls>
          <c:showLegendKey val="0"/>
          <c:showVal val="0"/>
          <c:showCatName val="0"/>
          <c:showSerName val="0"/>
          <c:showPercent val="1"/>
          <c:showBubbleSize val="0"/>
          <c:showLeaderLines val="1"/>
        </c:dLbls>
        <c:firstSliceAng val="0"/>
        <c:holeSize val="50"/>
      </c:doughnutChart>
      <c:spPr>
        <a:noFill/>
        <a:ln>
          <a:noFill/>
        </a:ln>
        <a:effectLst/>
      </c:spPr>
    </c:plotArea>
    <c:legend>
      <c:legendPos val="t"/>
      <c:overlay val="0"/>
      <c:spPr>
        <a:noFill/>
        <a:ln>
          <a:noFill/>
        </a:ln>
        <a:effectLst/>
      </c:spPr>
      <c:txPr>
        <a:bodyPr rot="0" spcFirstLastPara="1" vertOverflow="ellipsis" vert="horz" wrap="square" anchor="ctr" anchorCtr="1"/>
        <a:lstStyle/>
        <a:p>
          <a:pPr>
            <a:defRPr sz="1050" b="0" i="0" u="none" strike="noStrike" kern="1200" baseline="0">
              <a:solidFill>
                <a:schemeClr val="bg1"/>
              </a:solidFill>
              <a:latin typeface="+mn-lt"/>
              <a:ea typeface="+mn-ea"/>
              <a:cs typeface="+mn-cs"/>
            </a:defRPr>
          </a:pPr>
          <a:endParaRPr lang="da-DK"/>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da-DK"/>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C$6</c:f>
              <c:strCache>
                <c:ptCount val="1"/>
                <c:pt idx="0">
                  <c:v>Udførende</c:v>
                </c:pt>
              </c:strCache>
            </c:strRef>
          </c:tx>
          <c:dPt>
            <c:idx val="0"/>
            <c:bubble3D val="0"/>
            <c:spPr>
              <a:solidFill>
                <a:srgbClr val="A7A4E0"/>
              </a:solidFill>
              <a:ln w="19050">
                <a:noFill/>
              </a:ln>
              <a:effectLst/>
            </c:spPr>
            <c:extLst>
              <c:ext xmlns:c16="http://schemas.microsoft.com/office/drawing/2014/chart" uri="{C3380CC4-5D6E-409C-BE32-E72D297353CC}">
                <c16:uniqueId val="{00000001-4255-4031-A4A6-EE1AAB7BFFB0}"/>
              </c:ext>
            </c:extLst>
          </c:dPt>
          <c:dPt>
            <c:idx val="1"/>
            <c:bubble3D val="0"/>
            <c:spPr>
              <a:solidFill>
                <a:srgbClr val="336D74"/>
              </a:solidFill>
              <a:ln w="19050">
                <a:noFill/>
              </a:ln>
              <a:effectLst/>
            </c:spPr>
            <c:extLst>
              <c:ext xmlns:c16="http://schemas.microsoft.com/office/drawing/2014/chart" uri="{C3380CC4-5D6E-409C-BE32-E72D297353CC}">
                <c16:uniqueId val="{00000003-4255-4031-A4A6-EE1AAB7BFFB0}"/>
              </c:ext>
            </c:extLst>
          </c:dPt>
          <c:dPt>
            <c:idx val="2"/>
            <c:bubble3D val="0"/>
            <c:spPr>
              <a:solidFill>
                <a:schemeClr val="accent3"/>
              </a:solidFill>
              <a:ln w="19050">
                <a:noFill/>
              </a:ln>
              <a:effectLst/>
            </c:spPr>
            <c:extLst>
              <c:ext xmlns:c16="http://schemas.microsoft.com/office/drawing/2014/chart" uri="{C3380CC4-5D6E-409C-BE32-E72D297353CC}">
                <c16:uniqueId val="{00000005-4255-4031-A4A6-EE1AAB7BFFB0}"/>
              </c:ext>
            </c:extLst>
          </c:dPt>
          <c:dPt>
            <c:idx val="3"/>
            <c:bubble3D val="0"/>
            <c:spPr>
              <a:solidFill>
                <a:srgbClr val="A4D3ED"/>
              </a:solidFill>
              <a:ln w="19050">
                <a:noFill/>
              </a:ln>
              <a:effectLst/>
            </c:spPr>
            <c:extLst>
              <c:ext xmlns:c16="http://schemas.microsoft.com/office/drawing/2014/chart" uri="{C3380CC4-5D6E-409C-BE32-E72D297353CC}">
                <c16:uniqueId val="{00000007-4255-4031-A4A6-EE1AAB7BFFB0}"/>
              </c:ext>
            </c:extLst>
          </c:dPt>
          <c:dPt>
            <c:idx val="4"/>
            <c:bubble3D val="0"/>
            <c:spPr>
              <a:solidFill>
                <a:srgbClr val="F68D2E"/>
              </a:solidFill>
              <a:ln w="19050">
                <a:noFill/>
              </a:ln>
              <a:effectLst/>
            </c:spPr>
            <c:extLst>
              <c:ext xmlns:c16="http://schemas.microsoft.com/office/drawing/2014/chart" uri="{C3380CC4-5D6E-409C-BE32-E72D297353CC}">
                <c16:uniqueId val="{00000009-4255-4031-A4A6-EE1AAB7BFFB0}"/>
              </c:ext>
            </c:extLst>
          </c:dPt>
          <c:dPt>
            <c:idx val="5"/>
            <c:bubble3D val="0"/>
            <c:spPr>
              <a:solidFill>
                <a:srgbClr val="00AB8E"/>
              </a:solidFill>
              <a:ln w="19050">
                <a:noFill/>
              </a:ln>
              <a:effectLst/>
            </c:spPr>
            <c:extLst>
              <c:ext xmlns:c16="http://schemas.microsoft.com/office/drawing/2014/chart" uri="{C3380CC4-5D6E-409C-BE32-E72D297353CC}">
                <c16:uniqueId val="{0000000B-4255-4031-A4A6-EE1AAB7BFFB0}"/>
              </c:ext>
            </c:extLst>
          </c:dPt>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da-DK"/>
              </a:p>
            </c:txP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B$7:$B$12</c:f>
              <c:strCache>
                <c:ptCount val="6"/>
                <c:pt idx="0">
                  <c:v>I ledelsen</c:v>
                </c:pt>
                <c:pt idx="1">
                  <c:v>På kontoret</c:v>
                </c:pt>
                <c:pt idx="2">
                  <c:v>Blandt svendene</c:v>
                </c:pt>
                <c:pt idx="3">
                  <c:v>Blandt lærlingene</c:v>
                </c:pt>
                <c:pt idx="4">
                  <c:v>Blandt de ufaglærte</c:v>
                </c:pt>
                <c:pt idx="5">
                  <c:v>Ingen kvindelige ansatte</c:v>
                </c:pt>
              </c:strCache>
            </c:strRef>
          </c:cat>
          <c:val>
            <c:numRef>
              <c:f>Sheet1!$C$7:$C$12</c:f>
              <c:numCache>
                <c:formatCode>0.0%</c:formatCode>
                <c:ptCount val="6"/>
                <c:pt idx="0">
                  <c:v>0.23699999999999999</c:v>
                </c:pt>
                <c:pt idx="1">
                  <c:v>0.56299999999999994</c:v>
                </c:pt>
                <c:pt idx="2">
                  <c:v>0.193</c:v>
                </c:pt>
                <c:pt idx="3">
                  <c:v>0.17</c:v>
                </c:pt>
                <c:pt idx="4">
                  <c:v>2.1999999999999999E-2</c:v>
                </c:pt>
                <c:pt idx="5">
                  <c:v>0.34100000000000003</c:v>
                </c:pt>
              </c:numCache>
            </c:numRef>
          </c:val>
          <c:extLst>
            <c:ext xmlns:c16="http://schemas.microsoft.com/office/drawing/2014/chart" uri="{C3380CC4-5D6E-409C-BE32-E72D297353CC}">
              <c16:uniqueId val="{0000000C-4255-4031-A4A6-EE1AAB7BFFB0}"/>
            </c:ext>
          </c:extLst>
        </c:ser>
        <c:dLbls>
          <c:showLegendKey val="0"/>
          <c:showVal val="0"/>
          <c:showCatName val="0"/>
          <c:showSerName val="0"/>
          <c:showPercent val="1"/>
          <c:showBubbleSize val="0"/>
          <c:showLeaderLines val="1"/>
        </c:dLbls>
        <c:firstSliceAng val="0"/>
        <c:holeSize val="50"/>
      </c:doughnutChart>
      <c:spPr>
        <a:noFill/>
        <a:ln>
          <a:noFill/>
        </a:ln>
        <a:effectLst/>
      </c:spPr>
    </c:plotArea>
    <c:legend>
      <c:legendPos val="t"/>
      <c:overlay val="0"/>
      <c:spPr>
        <a:noFill/>
        <a:ln>
          <a:noFill/>
        </a:ln>
        <a:effectLst/>
      </c:spPr>
      <c:txPr>
        <a:bodyPr rot="0" spcFirstLastPara="1" vertOverflow="ellipsis" vert="horz" wrap="square" anchor="ctr" anchorCtr="1"/>
        <a:lstStyle/>
        <a:p>
          <a:pPr>
            <a:defRPr sz="1050" b="0" i="0" u="none" strike="noStrike" kern="1200" baseline="0">
              <a:solidFill>
                <a:schemeClr val="bg1"/>
              </a:solidFill>
              <a:latin typeface="+mn-lt"/>
              <a:ea typeface="+mn-ea"/>
              <a:cs typeface="+mn-cs"/>
            </a:defRPr>
          </a:pPr>
          <a:endParaRPr lang="da-DK"/>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da-DK"/>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200" b="1" i="0" u="none" strike="noStrike" kern="1200" spc="0" baseline="0">
                <a:solidFill>
                  <a:schemeClr val="tx1">
                    <a:lumMod val="65000"/>
                    <a:lumOff val="35000"/>
                  </a:schemeClr>
                </a:solidFill>
                <a:latin typeface="+mn-lt"/>
                <a:ea typeface="+mn-ea"/>
                <a:cs typeface="+mn-cs"/>
              </a:defRPr>
            </a:pPr>
            <a:r>
              <a:rPr lang="da-DK" sz="1200" b="1" i="0" u="none" strike="noStrike" kern="1200" spc="0" baseline="0" dirty="0">
                <a:solidFill>
                  <a:srgbClr val="000000">
                    <a:lumMod val="65000"/>
                    <a:lumOff val="35000"/>
                  </a:srgbClr>
                </a:solidFill>
              </a:rPr>
              <a:t>Andel af bestyrelsesmedlemmer, der har en familiemæssig relation til virksomhedens ejer/administrerende direktør</a:t>
            </a:r>
            <a:endParaRPr lang="da-DK" sz="1200" b="1" dirty="0"/>
          </a:p>
        </c:rich>
      </c:tx>
      <c:overlay val="0"/>
      <c:spPr>
        <a:noFill/>
        <a:ln>
          <a:noFill/>
        </a:ln>
        <a:effectLst/>
      </c:spPr>
      <c:txPr>
        <a:bodyPr rot="0" spcFirstLastPara="1" vertOverflow="ellipsis" vert="horz" wrap="square" anchor="ctr" anchorCtr="1"/>
        <a:lstStyle/>
        <a:p>
          <a:pPr>
            <a:defRPr sz="1200" b="1" i="0" u="none" strike="noStrike" kern="1200" spc="0" baseline="0">
              <a:solidFill>
                <a:schemeClr val="tx1">
                  <a:lumMod val="65000"/>
                  <a:lumOff val="35000"/>
                </a:schemeClr>
              </a:solidFill>
              <a:latin typeface="+mn-lt"/>
              <a:ea typeface="+mn-ea"/>
              <a:cs typeface="+mn-cs"/>
            </a:defRPr>
          </a:pPr>
          <a:endParaRPr lang="da-DK"/>
        </a:p>
      </c:txPr>
    </c:title>
    <c:autoTitleDeleted val="0"/>
    <c:plotArea>
      <c:layout/>
      <c:barChart>
        <c:barDir val="col"/>
        <c:grouping val="clustered"/>
        <c:varyColors val="0"/>
        <c:ser>
          <c:idx val="0"/>
          <c:order val="0"/>
          <c:tx>
            <c:strRef>
              <c:f>Sheet1!$B$1</c:f>
              <c:strCache>
                <c:ptCount val="1"/>
                <c:pt idx="0">
                  <c:v>Mandlige bestyrelsesmedlemmer</c:v>
                </c:pt>
              </c:strCache>
            </c:strRef>
          </c:tx>
          <c:spPr>
            <a:solidFill>
              <a:schemeClr val="accent1"/>
            </a:solidFill>
            <a:ln>
              <a:noFill/>
            </a:ln>
            <a:effectLst/>
          </c:spPr>
          <c:invertIfNegative val="0"/>
          <c:cat>
            <c:strRef>
              <c:f>Sheet1!$A$2:$A$6</c:f>
              <c:strCache>
                <c:ptCount val="5"/>
                <c:pt idx="0">
                  <c:v>Alle virksomheder</c:v>
                </c:pt>
                <c:pt idx="1">
                  <c:v>&lt;10 ansatte</c:v>
                </c:pt>
                <c:pt idx="2">
                  <c:v>10-49 ansatte</c:v>
                </c:pt>
                <c:pt idx="3">
                  <c:v>50-99 ansatte</c:v>
                </c:pt>
                <c:pt idx="4">
                  <c:v>&gt;100 ansatte</c:v>
                </c:pt>
              </c:strCache>
            </c:strRef>
          </c:cat>
          <c:val>
            <c:numRef>
              <c:f>Sheet1!$B$2:$B$6</c:f>
              <c:numCache>
                <c:formatCode>0.0%</c:formatCode>
                <c:ptCount val="5"/>
                <c:pt idx="0">
                  <c:v>0.38800000000000001</c:v>
                </c:pt>
                <c:pt idx="1">
                  <c:v>0.39500000000000002</c:v>
                </c:pt>
                <c:pt idx="2">
                  <c:v>0.48499999999999999</c:v>
                </c:pt>
                <c:pt idx="3">
                  <c:v>0.34599999999999997</c:v>
                </c:pt>
                <c:pt idx="4">
                  <c:v>0.1</c:v>
                </c:pt>
              </c:numCache>
            </c:numRef>
          </c:val>
          <c:extLst>
            <c:ext xmlns:c16="http://schemas.microsoft.com/office/drawing/2014/chart" uri="{C3380CC4-5D6E-409C-BE32-E72D297353CC}">
              <c16:uniqueId val="{00000000-17B0-4D9B-8D9E-A89F7E02487E}"/>
            </c:ext>
          </c:extLst>
        </c:ser>
        <c:ser>
          <c:idx val="1"/>
          <c:order val="1"/>
          <c:tx>
            <c:strRef>
              <c:f>Sheet1!$C$1</c:f>
              <c:strCache>
                <c:ptCount val="1"/>
                <c:pt idx="0">
                  <c:v>Kvindelige bestyrelsesmedlemmer</c:v>
                </c:pt>
              </c:strCache>
            </c:strRef>
          </c:tx>
          <c:spPr>
            <a:solidFill>
              <a:schemeClr val="accent2"/>
            </a:solidFill>
            <a:ln>
              <a:noFill/>
            </a:ln>
            <a:effectLst/>
          </c:spPr>
          <c:invertIfNegative val="0"/>
          <c:cat>
            <c:strRef>
              <c:f>Sheet1!$A$2:$A$6</c:f>
              <c:strCache>
                <c:ptCount val="5"/>
                <c:pt idx="0">
                  <c:v>Alle virksomheder</c:v>
                </c:pt>
                <c:pt idx="1">
                  <c:v>&lt;10 ansatte</c:v>
                </c:pt>
                <c:pt idx="2">
                  <c:v>10-49 ansatte</c:v>
                </c:pt>
                <c:pt idx="3">
                  <c:v>50-99 ansatte</c:v>
                </c:pt>
                <c:pt idx="4">
                  <c:v>&gt;100 ansatte</c:v>
                </c:pt>
              </c:strCache>
            </c:strRef>
          </c:cat>
          <c:val>
            <c:numRef>
              <c:f>Sheet1!$C$2:$C$6</c:f>
              <c:numCache>
                <c:formatCode>0.0%</c:formatCode>
                <c:ptCount val="5"/>
                <c:pt idx="0">
                  <c:v>0.48299999999999998</c:v>
                </c:pt>
                <c:pt idx="1">
                  <c:v>0.65</c:v>
                </c:pt>
                <c:pt idx="2">
                  <c:v>0.61799999999999999</c:v>
                </c:pt>
                <c:pt idx="3">
                  <c:v>0.42099999999999999</c:v>
                </c:pt>
                <c:pt idx="4">
                  <c:v>6.25E-2</c:v>
                </c:pt>
              </c:numCache>
            </c:numRef>
          </c:val>
          <c:extLst>
            <c:ext xmlns:c16="http://schemas.microsoft.com/office/drawing/2014/chart" uri="{C3380CC4-5D6E-409C-BE32-E72D297353CC}">
              <c16:uniqueId val="{00000000-565E-4908-AC9A-C78D3DF30B7C}"/>
            </c:ext>
          </c:extLst>
        </c:ser>
        <c:dLbls>
          <c:showLegendKey val="0"/>
          <c:showVal val="0"/>
          <c:showCatName val="0"/>
          <c:showSerName val="0"/>
          <c:showPercent val="0"/>
          <c:showBubbleSize val="0"/>
        </c:dLbls>
        <c:gapWidth val="219"/>
        <c:overlap val="-27"/>
        <c:axId val="1118957536"/>
        <c:axId val="1118947096"/>
      </c:barChart>
      <c:catAx>
        <c:axId val="111895753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da-DK"/>
          </a:p>
        </c:txPr>
        <c:crossAx val="1118947096"/>
        <c:crosses val="autoZero"/>
        <c:auto val="1"/>
        <c:lblAlgn val="ctr"/>
        <c:lblOffset val="100"/>
        <c:noMultiLvlLbl val="0"/>
      </c:catAx>
      <c:valAx>
        <c:axId val="1118947096"/>
        <c:scaling>
          <c:orientation val="minMax"/>
          <c:max val="1"/>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da-DK"/>
          </a:p>
        </c:txPr>
        <c:crossAx val="111895753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da-DK"/>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da-DK"/>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B3FFB1A-3D03-4CAF-BD83-94BC0DD1D11E}"/>
              </a:ext>
            </a:extLst>
          </p:cNvPr>
          <p:cNvSpPr>
            <a:spLocks noGrp="1"/>
          </p:cNvSpPr>
          <p:nvPr>
            <p:ph type="ftr" sz="quarter" idx="2"/>
          </p:nvPr>
        </p:nvSpPr>
        <p:spPr>
          <a:xfrm>
            <a:off x="0" y="9428584"/>
            <a:ext cx="2945659" cy="498055"/>
          </a:xfrm>
          <a:prstGeom prst="rect">
            <a:avLst/>
          </a:prstGeom>
        </p:spPr>
        <p:txBody>
          <a:bodyPr vert="horz" lIns="91440" tIns="45720" rIns="91440" bIns="45720" rtlCol="0" anchor="b"/>
          <a:lstStyle>
            <a:lvl1pPr algn="l">
              <a:defRPr sz="1200"/>
            </a:lvl1pPr>
          </a:lstStyle>
          <a:p>
            <a:endParaRPr lang="en-GB"/>
          </a:p>
        </p:txBody>
      </p:sp>
      <p:sp>
        <p:nvSpPr>
          <p:cNvPr id="3" name="Header Placeholder 2">
            <a:extLst>
              <a:ext uri="{FF2B5EF4-FFF2-40B4-BE49-F238E27FC236}">
                <a16:creationId xmlns:a16="http://schemas.microsoft.com/office/drawing/2014/main" id="{F78585ED-E09F-4544-9D28-61960CDC78A7}"/>
              </a:ext>
            </a:extLst>
          </p:cNvPr>
          <p:cNvSpPr>
            <a:spLocks noGrp="1"/>
          </p:cNvSpPr>
          <p:nvPr>
            <p:ph type="hdr" sz="quarter"/>
          </p:nvPr>
        </p:nvSpPr>
        <p:spPr>
          <a:xfrm>
            <a:off x="0" y="0"/>
            <a:ext cx="2945659" cy="498056"/>
          </a:xfrm>
          <a:prstGeom prst="rect">
            <a:avLst/>
          </a:prstGeom>
        </p:spPr>
        <p:txBody>
          <a:bodyPr vert="horz" lIns="91440" tIns="45720" rIns="91440" bIns="45720" rtlCol="0"/>
          <a:lstStyle>
            <a:lvl1pPr algn="l">
              <a:defRPr sz="1200"/>
            </a:lvl1pPr>
          </a:lstStyle>
          <a:p>
            <a:endParaRPr lang="en-GB"/>
          </a:p>
        </p:txBody>
      </p:sp>
      <p:sp>
        <p:nvSpPr>
          <p:cNvPr id="4" name="Date Placeholder 3">
            <a:extLst>
              <a:ext uri="{FF2B5EF4-FFF2-40B4-BE49-F238E27FC236}">
                <a16:creationId xmlns:a16="http://schemas.microsoft.com/office/drawing/2014/main" id="{3D73BD75-AA93-4F77-AAFD-71EBF7C56239}"/>
              </a:ext>
            </a:extLst>
          </p:cNvPr>
          <p:cNvSpPr>
            <a:spLocks noGrp="1"/>
          </p:cNvSpPr>
          <p:nvPr>
            <p:ph type="dt" sz="quarter" idx="1"/>
          </p:nvPr>
        </p:nvSpPr>
        <p:spPr>
          <a:xfrm>
            <a:off x="3850443" y="0"/>
            <a:ext cx="2945659" cy="498056"/>
          </a:xfrm>
          <a:prstGeom prst="rect">
            <a:avLst/>
          </a:prstGeom>
        </p:spPr>
        <p:txBody>
          <a:bodyPr vert="horz" lIns="91440" tIns="45720" rIns="91440" bIns="45720" rtlCol="0"/>
          <a:lstStyle>
            <a:lvl1pPr algn="r">
              <a:defRPr sz="1200"/>
            </a:lvl1pPr>
          </a:lstStyle>
          <a:p>
            <a:fld id="{61164B1F-074D-48A1-BB89-33A0DB78E615}" type="datetime1">
              <a:rPr lang="en-GB" smtClean="0"/>
              <a:t>30/05/2025</a:t>
            </a:fld>
            <a:endParaRPr lang="en-GB"/>
          </a:p>
        </p:txBody>
      </p:sp>
      <p:sp>
        <p:nvSpPr>
          <p:cNvPr id="5" name="Slide Number Placeholder 4">
            <a:extLst>
              <a:ext uri="{FF2B5EF4-FFF2-40B4-BE49-F238E27FC236}">
                <a16:creationId xmlns:a16="http://schemas.microsoft.com/office/drawing/2014/main" id="{741FA956-9989-4246-8A28-4D201CBFBA65}"/>
              </a:ext>
            </a:extLst>
          </p:cNvPr>
          <p:cNvSpPr>
            <a:spLocks noGrp="1"/>
          </p:cNvSpPr>
          <p:nvPr>
            <p:ph type="sldNum" sz="quarter" idx="3"/>
          </p:nvPr>
        </p:nvSpPr>
        <p:spPr>
          <a:xfrm>
            <a:off x="3850443" y="9428584"/>
            <a:ext cx="2945659" cy="498055"/>
          </a:xfrm>
          <a:prstGeom prst="rect">
            <a:avLst/>
          </a:prstGeom>
        </p:spPr>
        <p:txBody>
          <a:bodyPr vert="horz" lIns="91440" tIns="45720" rIns="91440" bIns="45720" rtlCol="0" anchor="b"/>
          <a:lstStyle>
            <a:lvl1pPr algn="r">
              <a:defRPr sz="1200"/>
            </a:lvl1pPr>
          </a:lstStyle>
          <a:p>
            <a:fld id="{C871E504-7D2F-4226-9493-8292EE5D077C}" type="slidenum">
              <a:rPr lang="en-GB" smtClean="0"/>
              <a:t>‹#›</a:t>
            </a:fld>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extLst>
    <p:ext uri="{56416CCD-93CA-4268-BC5B-53C4BB910035}">
      <p15:sldGuideLst xmlns:p15="http://schemas.microsoft.com/office/powerpoint/2012/main">
        <p15:guide id="1" orient="horz" pos="3127" userDrawn="1">
          <p15:clr>
            <a:srgbClr val="F26B43"/>
          </p15:clr>
        </p15:guide>
        <p15:guide id="2" pos="214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3F185A3-66D2-4D10-89A9-2033FCB223F8}"/>
              </a:ext>
            </a:extLst>
          </p:cNvPr>
          <p:cNvSpPr>
            <a:spLocks noGrp="1"/>
          </p:cNvSpPr>
          <p:nvPr>
            <p:ph type="ftr" sz="quarter" idx="4"/>
          </p:nvPr>
        </p:nvSpPr>
        <p:spPr>
          <a:xfrm>
            <a:off x="0" y="9428584"/>
            <a:ext cx="2945659" cy="498055"/>
          </a:xfrm>
          <a:prstGeom prst="rect">
            <a:avLst/>
          </a:prstGeom>
        </p:spPr>
        <p:txBody>
          <a:bodyPr vert="horz" lIns="91440" tIns="45720" rIns="91440" bIns="45720" rtlCol="0" anchor="b"/>
          <a:lstStyle>
            <a:lvl1pPr algn="l">
              <a:defRPr sz="1200"/>
            </a:lvl1pPr>
          </a:lstStyle>
          <a:p>
            <a:endParaRPr lang="en-GB"/>
          </a:p>
        </p:txBody>
      </p:sp>
      <p:sp>
        <p:nvSpPr>
          <p:cNvPr id="3" name="Slide Image Placeholder 2">
            <a:extLst>
              <a:ext uri="{FF2B5EF4-FFF2-40B4-BE49-F238E27FC236}">
                <a16:creationId xmlns:a16="http://schemas.microsoft.com/office/drawing/2014/main" id="{C7B05EB1-0120-43C4-9E3F-C19C6476CD70}"/>
              </a:ext>
            </a:extLst>
          </p:cNvPr>
          <p:cNvSpPr>
            <a:spLocks noGrp="1" noRot="1" noChangeAspect="1"/>
          </p:cNvSpPr>
          <p:nvPr>
            <p:ph type="sldImg" idx="2"/>
          </p:nvPr>
        </p:nvSpPr>
        <p:spPr>
          <a:xfrm>
            <a:off x="422275" y="1241425"/>
            <a:ext cx="5953125" cy="3349625"/>
          </a:xfrm>
          <a:prstGeom prst="rect">
            <a:avLst/>
          </a:prstGeom>
          <a:noFill/>
          <a:ln w="12700">
            <a:solidFill>
              <a:prstClr val="black"/>
            </a:solidFill>
          </a:ln>
        </p:spPr>
        <p:txBody>
          <a:bodyPr vert="horz" lIns="91440" tIns="45720" rIns="91440" bIns="45720" rtlCol="0" anchor="ctr"/>
          <a:lstStyle/>
          <a:p>
            <a:endParaRPr lang="en-GB"/>
          </a:p>
        </p:txBody>
      </p:sp>
      <p:sp>
        <p:nvSpPr>
          <p:cNvPr id="4" name="Header Placeholder 3">
            <a:extLst>
              <a:ext uri="{FF2B5EF4-FFF2-40B4-BE49-F238E27FC236}">
                <a16:creationId xmlns:a16="http://schemas.microsoft.com/office/drawing/2014/main" id="{45E5836E-8170-4804-9800-6AE5EBBE422E}"/>
              </a:ext>
            </a:extLst>
          </p:cNvPr>
          <p:cNvSpPr>
            <a:spLocks noGrp="1"/>
          </p:cNvSpPr>
          <p:nvPr>
            <p:ph type="hdr" sz="quarter"/>
          </p:nvPr>
        </p:nvSpPr>
        <p:spPr>
          <a:xfrm>
            <a:off x="0" y="0"/>
            <a:ext cx="2945659" cy="498056"/>
          </a:xfrm>
          <a:prstGeom prst="rect">
            <a:avLst/>
          </a:prstGeom>
        </p:spPr>
        <p:txBody>
          <a:bodyPr vert="horz" lIns="91440" tIns="45720" rIns="91440" bIns="45720" rtlCol="0"/>
          <a:lstStyle>
            <a:lvl1pPr algn="l">
              <a:defRPr sz="1200"/>
            </a:lvl1pPr>
          </a:lstStyle>
          <a:p>
            <a:endParaRPr lang="en-GB"/>
          </a:p>
        </p:txBody>
      </p:sp>
      <p:sp>
        <p:nvSpPr>
          <p:cNvPr id="5" name="Date Placeholder 4">
            <a:extLst>
              <a:ext uri="{FF2B5EF4-FFF2-40B4-BE49-F238E27FC236}">
                <a16:creationId xmlns:a16="http://schemas.microsoft.com/office/drawing/2014/main" id="{D65AB016-25EA-425F-9A59-14BC385A1D1B}"/>
              </a:ext>
            </a:extLst>
          </p:cNvPr>
          <p:cNvSpPr>
            <a:spLocks noGrp="1"/>
          </p:cNvSpPr>
          <p:nvPr>
            <p:ph type="dt" idx="1"/>
          </p:nvPr>
        </p:nvSpPr>
        <p:spPr>
          <a:xfrm>
            <a:off x="3850443" y="0"/>
            <a:ext cx="2945659" cy="498056"/>
          </a:xfrm>
          <a:prstGeom prst="rect">
            <a:avLst/>
          </a:prstGeom>
        </p:spPr>
        <p:txBody>
          <a:bodyPr vert="horz" lIns="91440" tIns="45720" rIns="91440" bIns="45720" rtlCol="0"/>
          <a:lstStyle>
            <a:lvl1pPr algn="r">
              <a:defRPr sz="1200"/>
            </a:lvl1pPr>
          </a:lstStyle>
          <a:p>
            <a:fld id="{5B849A7D-BD89-4143-B72A-B8011BD839AD}" type="datetime1">
              <a:rPr lang="en-GB" smtClean="0"/>
              <a:t>30/05/2025</a:t>
            </a:fld>
            <a:endParaRPr lang="en-GB"/>
          </a:p>
        </p:txBody>
      </p:sp>
      <p:sp>
        <p:nvSpPr>
          <p:cNvPr id="6" name="Notes Placeholder 5">
            <a:extLst>
              <a:ext uri="{FF2B5EF4-FFF2-40B4-BE49-F238E27FC236}">
                <a16:creationId xmlns:a16="http://schemas.microsoft.com/office/drawing/2014/main" id="{B41D9AB7-224F-42A1-8469-C71F2146F39F}"/>
              </a:ext>
            </a:extLst>
          </p:cNvPr>
          <p:cNvSpPr>
            <a:spLocks noGrp="1"/>
          </p:cNvSpPr>
          <p:nvPr>
            <p:ph type="body" sz="quarter" idx="3"/>
          </p:nvPr>
        </p:nvSpPr>
        <p:spPr>
          <a:xfrm>
            <a:off x="679768" y="4777194"/>
            <a:ext cx="5438140" cy="3908614"/>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Slide Number Placeholder 6">
            <a:extLst>
              <a:ext uri="{FF2B5EF4-FFF2-40B4-BE49-F238E27FC236}">
                <a16:creationId xmlns:a16="http://schemas.microsoft.com/office/drawing/2014/main" id="{BDC28F7B-22D6-4FFA-899B-97B397D45F8B}"/>
              </a:ext>
            </a:extLst>
          </p:cNvPr>
          <p:cNvSpPr>
            <a:spLocks noGrp="1"/>
          </p:cNvSpPr>
          <p:nvPr>
            <p:ph type="sldNum" sz="quarter" idx="5"/>
          </p:nvPr>
        </p:nvSpPr>
        <p:spPr>
          <a:xfrm>
            <a:off x="3850443" y="9428584"/>
            <a:ext cx="2945659" cy="498055"/>
          </a:xfrm>
          <a:prstGeom prst="rect">
            <a:avLst/>
          </a:prstGeom>
        </p:spPr>
        <p:txBody>
          <a:bodyPr vert="horz" lIns="91440" tIns="45720" rIns="91440" bIns="45720" rtlCol="0" anchor="b"/>
          <a:lstStyle>
            <a:lvl1pPr algn="r">
              <a:defRPr sz="1200"/>
            </a:lvl1pPr>
          </a:lstStyle>
          <a:p>
            <a:fld id="{A74A5A2F-ECD0-4A51-A9E7-D8DA645BD5CD}" type="slidenum">
              <a:rPr lang="en-GB" smtClean="0"/>
              <a:t>‹#›</a:t>
            </a:fld>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7" userDrawn="1">
          <p15:clr>
            <a:srgbClr val="F26B43"/>
          </p15:clr>
        </p15:guide>
        <p15:guide id="2" pos="214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a:t>
            </a:fld>
            <a:endParaRPr lang="en-GB"/>
          </a:p>
        </p:txBody>
      </p:sp>
    </p:spTree>
    <p:extLst>
      <p:ext uri="{BB962C8B-B14F-4D97-AF65-F5344CB8AC3E}">
        <p14:creationId xmlns:p14="http://schemas.microsoft.com/office/powerpoint/2010/main" val="193213533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0</a:t>
            </a:fld>
            <a:endParaRPr lang="en-GB"/>
          </a:p>
        </p:txBody>
      </p:sp>
    </p:spTree>
    <p:extLst>
      <p:ext uri="{BB962C8B-B14F-4D97-AF65-F5344CB8AC3E}">
        <p14:creationId xmlns:p14="http://schemas.microsoft.com/office/powerpoint/2010/main" val="263489556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1</a:t>
            </a:fld>
            <a:endParaRPr lang="en-GB"/>
          </a:p>
        </p:txBody>
      </p:sp>
    </p:spTree>
    <p:extLst>
      <p:ext uri="{BB962C8B-B14F-4D97-AF65-F5344CB8AC3E}">
        <p14:creationId xmlns:p14="http://schemas.microsoft.com/office/powerpoint/2010/main" val="73254957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2</a:t>
            </a:fld>
            <a:endParaRPr lang="en-GB"/>
          </a:p>
        </p:txBody>
      </p:sp>
    </p:spTree>
    <p:extLst>
      <p:ext uri="{BB962C8B-B14F-4D97-AF65-F5344CB8AC3E}">
        <p14:creationId xmlns:p14="http://schemas.microsoft.com/office/powerpoint/2010/main" val="334007327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3</a:t>
            </a:fld>
            <a:endParaRPr lang="en-GB"/>
          </a:p>
        </p:txBody>
      </p:sp>
    </p:spTree>
    <p:extLst>
      <p:ext uri="{BB962C8B-B14F-4D97-AF65-F5344CB8AC3E}">
        <p14:creationId xmlns:p14="http://schemas.microsoft.com/office/powerpoint/2010/main" val="239977889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4</a:t>
            </a:fld>
            <a:endParaRPr lang="en-GB"/>
          </a:p>
        </p:txBody>
      </p:sp>
    </p:spTree>
    <p:extLst>
      <p:ext uri="{BB962C8B-B14F-4D97-AF65-F5344CB8AC3E}">
        <p14:creationId xmlns:p14="http://schemas.microsoft.com/office/powerpoint/2010/main" val="263792065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643591-E3F1-387C-4940-23B7D1EE268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3756C40-56A8-DADC-08A9-660F405C2E8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30D0510-6F8A-0BF9-A8E2-C855037F2CD9}"/>
              </a:ext>
            </a:extLst>
          </p:cNvPr>
          <p:cNvSpPr>
            <a:spLocks noGrp="1"/>
          </p:cNvSpPr>
          <p:nvPr>
            <p:ph type="body" idx="1"/>
          </p:nvPr>
        </p:nvSpPr>
        <p:spPr/>
        <p:txBody>
          <a:bodyPr/>
          <a:lstStyle/>
          <a:p>
            <a:endParaRPr lang="da-DK" dirty="0"/>
          </a:p>
        </p:txBody>
      </p:sp>
      <p:sp>
        <p:nvSpPr>
          <p:cNvPr id="4" name="Footer Placeholder 3">
            <a:extLst>
              <a:ext uri="{FF2B5EF4-FFF2-40B4-BE49-F238E27FC236}">
                <a16:creationId xmlns:a16="http://schemas.microsoft.com/office/drawing/2014/main" id="{8203FD85-C9AE-D8C4-AB3A-1CBE95576A16}"/>
              </a:ext>
            </a:extLst>
          </p:cNvPr>
          <p:cNvSpPr>
            <a:spLocks noGrp="1"/>
          </p:cNvSpPr>
          <p:nvPr>
            <p:ph type="ftr" sz="quarter" idx="4"/>
          </p:nvPr>
        </p:nvSpPr>
        <p:spPr/>
        <p:txBody>
          <a:bodyPr/>
          <a:lstStyle/>
          <a:p>
            <a:endParaRPr lang="en-GB"/>
          </a:p>
        </p:txBody>
      </p:sp>
      <p:sp>
        <p:nvSpPr>
          <p:cNvPr id="5" name="Header Placeholder 4">
            <a:extLst>
              <a:ext uri="{FF2B5EF4-FFF2-40B4-BE49-F238E27FC236}">
                <a16:creationId xmlns:a16="http://schemas.microsoft.com/office/drawing/2014/main" id="{D535C1C5-1EC0-77BD-4D88-B98D7C965694}"/>
              </a:ext>
            </a:extLst>
          </p:cNvPr>
          <p:cNvSpPr>
            <a:spLocks noGrp="1"/>
          </p:cNvSpPr>
          <p:nvPr>
            <p:ph type="hdr" sz="quarter"/>
          </p:nvPr>
        </p:nvSpPr>
        <p:spPr/>
        <p:txBody>
          <a:bodyPr/>
          <a:lstStyle/>
          <a:p>
            <a:endParaRPr lang="en-GB"/>
          </a:p>
        </p:txBody>
      </p:sp>
      <p:sp>
        <p:nvSpPr>
          <p:cNvPr id="6" name="Date Placeholder 5">
            <a:extLst>
              <a:ext uri="{FF2B5EF4-FFF2-40B4-BE49-F238E27FC236}">
                <a16:creationId xmlns:a16="http://schemas.microsoft.com/office/drawing/2014/main" id="{9ACBD725-1E91-6B75-E900-08E5614F1DDC}"/>
              </a:ext>
            </a:extLst>
          </p:cNvPr>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a:extLst>
              <a:ext uri="{FF2B5EF4-FFF2-40B4-BE49-F238E27FC236}">
                <a16:creationId xmlns:a16="http://schemas.microsoft.com/office/drawing/2014/main" id="{376597A6-7E1A-38B7-6C3C-CB07B2988F5A}"/>
              </a:ext>
            </a:extLst>
          </p:cNvPr>
          <p:cNvSpPr>
            <a:spLocks noGrp="1"/>
          </p:cNvSpPr>
          <p:nvPr>
            <p:ph type="sldNum" sz="quarter" idx="5"/>
          </p:nvPr>
        </p:nvSpPr>
        <p:spPr/>
        <p:txBody>
          <a:bodyPr/>
          <a:lstStyle/>
          <a:p>
            <a:fld id="{A74A5A2F-ECD0-4A51-A9E7-D8DA645BD5CD}" type="slidenum">
              <a:rPr lang="en-GB" smtClean="0"/>
              <a:t>15</a:t>
            </a:fld>
            <a:endParaRPr lang="en-GB"/>
          </a:p>
        </p:txBody>
      </p:sp>
    </p:spTree>
    <p:extLst>
      <p:ext uri="{BB962C8B-B14F-4D97-AF65-F5344CB8AC3E}">
        <p14:creationId xmlns:p14="http://schemas.microsoft.com/office/powerpoint/2010/main" val="298703652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2</a:t>
            </a:fld>
            <a:endParaRPr lang="en-GB"/>
          </a:p>
        </p:txBody>
      </p:sp>
    </p:spTree>
    <p:extLst>
      <p:ext uri="{BB962C8B-B14F-4D97-AF65-F5344CB8AC3E}">
        <p14:creationId xmlns:p14="http://schemas.microsoft.com/office/powerpoint/2010/main" val="93468611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 typeface="Arial" panose="020B0604020202020204" pitchFamily="34" charset="0"/>
              <a:buNone/>
            </a:pPr>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3</a:t>
            </a:fld>
            <a:endParaRPr lang="en-GB"/>
          </a:p>
        </p:txBody>
      </p:sp>
    </p:spTree>
    <p:extLst>
      <p:ext uri="{BB962C8B-B14F-4D97-AF65-F5344CB8AC3E}">
        <p14:creationId xmlns:p14="http://schemas.microsoft.com/office/powerpoint/2010/main" val="425262784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4</a:t>
            </a:fld>
            <a:endParaRPr lang="en-GB"/>
          </a:p>
        </p:txBody>
      </p:sp>
    </p:spTree>
    <p:extLst>
      <p:ext uri="{BB962C8B-B14F-4D97-AF65-F5344CB8AC3E}">
        <p14:creationId xmlns:p14="http://schemas.microsoft.com/office/powerpoint/2010/main" val="31203514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5</a:t>
            </a:fld>
            <a:endParaRPr lang="en-GB"/>
          </a:p>
        </p:txBody>
      </p:sp>
    </p:spTree>
    <p:extLst>
      <p:ext uri="{BB962C8B-B14F-4D97-AF65-F5344CB8AC3E}">
        <p14:creationId xmlns:p14="http://schemas.microsoft.com/office/powerpoint/2010/main" val="363738515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ts val="1600"/>
              </a:lnSpc>
              <a:buNone/>
            </a:pPr>
            <a:r>
              <a:rPr lang="da-DK" sz="1800" dirty="0">
                <a:effectLst/>
                <a:latin typeface="Calibri" panose="020F0502020204030204" pitchFamily="34" charset="0"/>
                <a:ea typeface="Calibri" panose="020F0502020204030204" pitchFamily="34" charset="0"/>
                <a:cs typeface="Times New Roman" panose="02020603050405020304" pitchFamily="18" charset="0"/>
              </a:rPr>
              <a:t> </a:t>
            </a:r>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6</a:t>
            </a:fld>
            <a:endParaRPr lang="en-GB"/>
          </a:p>
        </p:txBody>
      </p:sp>
    </p:spTree>
    <p:extLst>
      <p:ext uri="{BB962C8B-B14F-4D97-AF65-F5344CB8AC3E}">
        <p14:creationId xmlns:p14="http://schemas.microsoft.com/office/powerpoint/2010/main" val="71550379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7</a:t>
            </a:fld>
            <a:endParaRPr lang="en-GB"/>
          </a:p>
        </p:txBody>
      </p:sp>
    </p:spTree>
    <p:extLst>
      <p:ext uri="{BB962C8B-B14F-4D97-AF65-F5344CB8AC3E}">
        <p14:creationId xmlns:p14="http://schemas.microsoft.com/office/powerpoint/2010/main" val="253566638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8</a:t>
            </a:fld>
            <a:endParaRPr lang="en-GB"/>
          </a:p>
        </p:txBody>
      </p:sp>
    </p:spTree>
    <p:extLst>
      <p:ext uri="{BB962C8B-B14F-4D97-AF65-F5344CB8AC3E}">
        <p14:creationId xmlns:p14="http://schemas.microsoft.com/office/powerpoint/2010/main" val="57737507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30/05/2025</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9</a:t>
            </a:fld>
            <a:endParaRPr lang="en-GB"/>
          </a:p>
        </p:txBody>
      </p:sp>
    </p:spTree>
    <p:extLst>
      <p:ext uri="{BB962C8B-B14F-4D97-AF65-F5344CB8AC3E}">
        <p14:creationId xmlns:p14="http://schemas.microsoft.com/office/powerpoint/2010/main" val="306290894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0.jp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1.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2.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2.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4.jp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4.jpg"/><Relationship Id="rId2" Type="http://schemas.openxmlformats.org/officeDocument/2006/relationships/image" Target="../media/image13.jp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15.jp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jp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png"/><Relationship Id="rId3" Type="http://schemas.openxmlformats.org/officeDocument/2006/relationships/image" Target="../media/image17.png"/><Relationship Id="rId7" Type="http://schemas.openxmlformats.org/officeDocument/2006/relationships/image" Target="../media/image21.png"/><Relationship Id="rId12" Type="http://schemas.openxmlformats.org/officeDocument/2006/relationships/image" Target="../media/image26.png"/><Relationship Id="rId2" Type="http://schemas.openxmlformats.org/officeDocument/2006/relationships/image" Target="../media/image16.png"/><Relationship Id="rId1" Type="http://schemas.openxmlformats.org/officeDocument/2006/relationships/slideMaster" Target="../slideMasters/slideMaster1.xml"/><Relationship Id="rId6" Type="http://schemas.openxmlformats.org/officeDocument/2006/relationships/image" Target="../media/image20.png"/><Relationship Id="rId11" Type="http://schemas.openxmlformats.org/officeDocument/2006/relationships/image" Target="../media/image25.png"/><Relationship Id="rId5" Type="http://schemas.openxmlformats.org/officeDocument/2006/relationships/image" Target="../media/image19.png"/><Relationship Id="rId10" Type="http://schemas.openxmlformats.org/officeDocument/2006/relationships/image" Target="../media/image24.png"/><Relationship Id="rId4" Type="http://schemas.openxmlformats.org/officeDocument/2006/relationships/image" Target="../media/image18.png"/><Relationship Id="rId9" Type="http://schemas.openxmlformats.org/officeDocument/2006/relationships/image" Target="../media/image23.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6.jp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7.jp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8.jp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9.jp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accent1"/>
        </a:solid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4" name="Kombinationstegning: figur 12">
            <a:extLst>
              <a:ext uri="{FF2B5EF4-FFF2-40B4-BE49-F238E27FC236}">
                <a16:creationId xmlns:a16="http://schemas.microsoft.com/office/drawing/2014/main" id="{CA386589-75A7-DC7B-07A1-50DE4600CFB0}"/>
              </a:ext>
            </a:extLst>
          </p:cNvPr>
          <p:cNvSpPr/>
          <p:nvPr userDrawn="1"/>
        </p:nvSpPr>
        <p:spPr>
          <a:xfrm rot="5400000">
            <a:off x="6856481" y="2802630"/>
            <a:ext cx="514495" cy="507039"/>
          </a:xfrm>
          <a:custGeom>
            <a:avLst/>
            <a:gdLst>
              <a:gd name="connsiteX0" fmla="*/ 179948 w 514495"/>
              <a:gd name="connsiteY0" fmla="*/ 0 h 507039"/>
              <a:gd name="connsiteX1" fmla="*/ 334547 w 514495"/>
              <a:gd name="connsiteY1" fmla="*/ 0 h 507039"/>
              <a:gd name="connsiteX2" fmla="*/ 514495 w 514495"/>
              <a:gd name="connsiteY2" fmla="*/ 179948 h 507039"/>
              <a:gd name="connsiteX3" fmla="*/ 514495 w 514495"/>
              <a:gd name="connsiteY3" fmla="*/ 327091 h 507039"/>
              <a:gd name="connsiteX4" fmla="*/ 334547 w 514495"/>
              <a:gd name="connsiteY4" fmla="*/ 507039 h 507039"/>
              <a:gd name="connsiteX5" fmla="*/ 180110 w 514495"/>
              <a:gd name="connsiteY5" fmla="*/ 507039 h 507039"/>
              <a:gd name="connsiteX6" fmla="*/ 179948 w 514495"/>
              <a:gd name="connsiteY6" fmla="*/ 507039 h 507039"/>
              <a:gd name="connsiteX7" fmla="*/ 0 w 514495"/>
              <a:gd name="connsiteY7" fmla="*/ 507039 h 507039"/>
              <a:gd name="connsiteX8" fmla="*/ 0 w 514495"/>
              <a:gd name="connsiteY8" fmla="*/ 327091 h 507039"/>
              <a:gd name="connsiteX9" fmla="*/ 0 w 514495"/>
              <a:gd name="connsiteY9" fmla="*/ 286906 h 507039"/>
              <a:gd name="connsiteX10" fmla="*/ 0 w 514495"/>
              <a:gd name="connsiteY10" fmla="*/ 179948 h 507039"/>
              <a:gd name="connsiteX11" fmla="*/ 179948 w 514495"/>
              <a:gd name="connsiteY11" fmla="*/ 0 h 507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495" h="507039">
                <a:moveTo>
                  <a:pt x="179948" y="0"/>
                </a:moveTo>
                <a:lnTo>
                  <a:pt x="334547" y="0"/>
                </a:lnTo>
                <a:cubicBezTo>
                  <a:pt x="433930" y="0"/>
                  <a:pt x="514495" y="80565"/>
                  <a:pt x="514495" y="179948"/>
                </a:cubicBezTo>
                <a:lnTo>
                  <a:pt x="514495" y="327091"/>
                </a:lnTo>
                <a:cubicBezTo>
                  <a:pt x="514495" y="426474"/>
                  <a:pt x="433930" y="507039"/>
                  <a:pt x="334547" y="507039"/>
                </a:cubicBezTo>
                <a:lnTo>
                  <a:pt x="180110" y="507039"/>
                </a:lnTo>
                <a:lnTo>
                  <a:pt x="179948" y="507039"/>
                </a:lnTo>
                <a:lnTo>
                  <a:pt x="0" y="507039"/>
                </a:lnTo>
                <a:lnTo>
                  <a:pt x="0" y="327091"/>
                </a:lnTo>
                <a:lnTo>
                  <a:pt x="0" y="286906"/>
                </a:lnTo>
                <a:lnTo>
                  <a:pt x="0" y="179948"/>
                </a:lnTo>
                <a:cubicBezTo>
                  <a:pt x="0" y="80565"/>
                  <a:pt x="80565" y="0"/>
                  <a:pt x="179948" y="0"/>
                </a:cubicBezTo>
                <a:close/>
              </a:path>
            </a:pathLst>
          </a:custGeom>
          <a:solidFill>
            <a:srgbClr val="A7A4E0"/>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4" name="Titel kasse">
            <a:extLst>
              <a:ext uri="{FF2B5EF4-FFF2-40B4-BE49-F238E27FC236}">
                <a16:creationId xmlns:a16="http://schemas.microsoft.com/office/drawing/2014/main" id="{3CBB74ED-65A9-39F5-79DE-B76C72DC5539}"/>
              </a:ext>
            </a:extLst>
          </p:cNvPr>
          <p:cNvSpPr>
            <a:spLocks noGrp="1" noRot="1" noMove="1" noResize="1" noEditPoints="1" noAdjustHandles="1" noChangeArrowheads="1" noChangeShapeType="1"/>
          </p:cNvSpPr>
          <p:nvPr userDrawn="1"/>
        </p:nvSpPr>
        <p:spPr>
          <a:xfrm>
            <a:off x="388800" y="388800"/>
            <a:ext cx="6214528" cy="2664000"/>
          </a:xfrm>
          <a:custGeom>
            <a:avLst/>
            <a:gdLst>
              <a:gd name="connsiteX0" fmla="*/ 262537 w 6214528"/>
              <a:gd name="connsiteY0" fmla="*/ 0 h 2664000"/>
              <a:gd name="connsiteX1" fmla="*/ 5951991 w 6214528"/>
              <a:gd name="connsiteY1" fmla="*/ 0 h 2664000"/>
              <a:gd name="connsiteX2" fmla="*/ 6214528 w 6214528"/>
              <a:gd name="connsiteY2" fmla="*/ 262537 h 2664000"/>
              <a:gd name="connsiteX3" fmla="*/ 6214528 w 6214528"/>
              <a:gd name="connsiteY3" fmla="*/ 1826775 h 2664000"/>
              <a:gd name="connsiteX4" fmla="*/ 6214528 w 6214528"/>
              <a:gd name="connsiteY4" fmla="*/ 2401463 h 2664000"/>
              <a:gd name="connsiteX5" fmla="*/ 6214528 w 6214528"/>
              <a:gd name="connsiteY5" fmla="*/ 2664000 h 2664000"/>
              <a:gd name="connsiteX6" fmla="*/ 5951991 w 6214528"/>
              <a:gd name="connsiteY6" fmla="*/ 2664000 h 2664000"/>
              <a:gd name="connsiteX7" fmla="*/ 5354820 w 6214528"/>
              <a:gd name="connsiteY7" fmla="*/ 2664000 h 2664000"/>
              <a:gd name="connsiteX8" fmla="*/ 262537 w 6214528"/>
              <a:gd name="connsiteY8" fmla="*/ 2664000 h 2664000"/>
              <a:gd name="connsiteX9" fmla="*/ 0 w 6214528"/>
              <a:gd name="connsiteY9" fmla="*/ 2401463 h 2664000"/>
              <a:gd name="connsiteX10" fmla="*/ 0 w 6214528"/>
              <a:gd name="connsiteY10" fmla="*/ 262537 h 2664000"/>
              <a:gd name="connsiteX11" fmla="*/ 262537 w 6214528"/>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214528" h="2664000">
                <a:moveTo>
                  <a:pt x="262537" y="0"/>
                </a:moveTo>
                <a:lnTo>
                  <a:pt x="5951991" y="0"/>
                </a:lnTo>
                <a:cubicBezTo>
                  <a:pt x="6096986" y="0"/>
                  <a:pt x="6214528" y="117542"/>
                  <a:pt x="6214528" y="262537"/>
                </a:cubicBezTo>
                <a:lnTo>
                  <a:pt x="6214528" y="1826775"/>
                </a:lnTo>
                <a:lnTo>
                  <a:pt x="6214528" y="2401463"/>
                </a:lnTo>
                <a:lnTo>
                  <a:pt x="6214528" y="2664000"/>
                </a:lnTo>
                <a:lnTo>
                  <a:pt x="5951991" y="2664000"/>
                </a:lnTo>
                <a:lnTo>
                  <a:pt x="5354820" y="2664000"/>
                </a:lnTo>
                <a:lnTo>
                  <a:pt x="262537" y="2664000"/>
                </a:lnTo>
                <a:cubicBezTo>
                  <a:pt x="117542" y="2664000"/>
                  <a:pt x="0" y="2546458"/>
                  <a:pt x="0" y="2401463"/>
                </a:cubicBezTo>
                <a:lnTo>
                  <a:pt x="0" y="262537"/>
                </a:lnTo>
                <a:cubicBezTo>
                  <a:pt x="0" y="117542"/>
                  <a:pt x="117542" y="0"/>
                  <a:pt x="262537" y="0"/>
                </a:cubicBez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7999" y="647999"/>
            <a:ext cx="5436163" cy="1908000"/>
          </a:xfrm>
        </p:spPr>
        <p:txBody>
          <a:bodyPr anchor="t" anchorCtr="0"/>
          <a:lstStyle>
            <a:lvl1pPr algn="l">
              <a:defRPr sz="4400"/>
            </a:lvl1pPr>
          </a:lstStyle>
          <a:p>
            <a:r>
              <a:rPr lang="da-DK" dirty="0"/>
              <a:t>Klik for at indsætte overskrift – max. tre linjer</a:t>
            </a:r>
          </a:p>
        </p:txBody>
      </p:sp>
      <p:sp>
        <p:nvSpPr>
          <p:cNvPr id="57" name="Pladsholder til tekst navn">
            <a:extLst>
              <a:ext uri="{FF2B5EF4-FFF2-40B4-BE49-F238E27FC236}">
                <a16:creationId xmlns:a16="http://schemas.microsoft.com/office/drawing/2014/main" id="{2704DDB4-16E8-0563-66A2-CD390B2ADE8C}"/>
              </a:ext>
            </a:extLst>
          </p:cNvPr>
          <p:cNvSpPr>
            <a:spLocks noGrp="1"/>
          </p:cNvSpPr>
          <p:nvPr>
            <p:ph type="body" sz="quarter" idx="18" hasCustomPrompt="1"/>
          </p:nvPr>
        </p:nvSpPr>
        <p:spPr>
          <a:xfrm>
            <a:off x="648000" y="3292346"/>
            <a:ext cx="396000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58" name="Pladsholder til tekst efternavn">
            <a:extLst>
              <a:ext uri="{FF2B5EF4-FFF2-40B4-BE49-F238E27FC236}">
                <a16:creationId xmlns:a16="http://schemas.microsoft.com/office/drawing/2014/main" id="{F6B382D9-8FC1-3803-166D-0FD261AAD634}"/>
              </a:ext>
            </a:extLst>
          </p:cNvPr>
          <p:cNvSpPr>
            <a:spLocks noGrp="1"/>
          </p:cNvSpPr>
          <p:nvPr>
            <p:ph type="body" sz="quarter" idx="19" hasCustomPrompt="1"/>
          </p:nvPr>
        </p:nvSpPr>
        <p:spPr>
          <a:xfrm>
            <a:off x="648000" y="3578598"/>
            <a:ext cx="396000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7" name="Date Placeholder 6">
            <a:extLst>
              <a:ext uri="{FF2B5EF4-FFF2-40B4-BE49-F238E27FC236}">
                <a16:creationId xmlns:a16="http://schemas.microsoft.com/office/drawing/2014/main" id="{FAC78685-2AE8-4790-9E15-2028753F5FF4}"/>
              </a:ext>
            </a:extLst>
          </p:cNvPr>
          <p:cNvSpPr>
            <a:spLocks noGrp="1"/>
          </p:cNvSpPr>
          <p:nvPr>
            <p:ph type="dt" sz="half" idx="15"/>
          </p:nvPr>
        </p:nvSpPr>
        <p:spPr>
          <a:xfrm>
            <a:off x="648000" y="3872772"/>
            <a:ext cx="3960000" cy="324000"/>
          </a:xfrm>
          <a:prstGeom prst="rect">
            <a:avLst/>
          </a:prstGeom>
        </p:spPr>
        <p:txBody>
          <a:bodyPr anchor="t" anchorCtr="0"/>
          <a:lstStyle>
            <a:lvl1pPr algn="l">
              <a:defRPr sz="2000">
                <a:solidFill>
                  <a:schemeClr val="bg1"/>
                </a:solidFill>
              </a:defRPr>
            </a:lvl1pPr>
          </a:lstStyle>
          <a:p>
            <a:fld id="{11D385FF-6CE1-4F3A-8740-3430CCA7CC97}" type="datetime2">
              <a:rPr lang="da-DK" smtClean="0"/>
              <a:t>30. maj 2025</a:t>
            </a:fld>
            <a:endParaRPr lang="da-DK" dirty="0"/>
          </a:p>
        </p:txBody>
      </p:sp>
      <p:pic>
        <p:nvPicPr>
          <p:cNvPr id="3" name="Dynamic cover logo hvid" descr="{&quot;templafy&quot;:{&quot;id&quot;:&quot;43b16df3-2e2a-4d8d-bbb5-7c890c5a356a&quot;}}">
            <a:extLst>
              <a:ext uri="{FF2B5EF4-FFF2-40B4-BE49-F238E27FC236}">
                <a16:creationId xmlns:a16="http://schemas.microsoft.com/office/drawing/2014/main" id="{C53C385E-1FD3-8063-8CD0-A8351ABAE1EB}"/>
              </a:ext>
            </a:extLst>
          </p:cNvPr>
          <p:cNvPicPr>
            <a:picLocks noChangeAspect="1"/>
          </p:cNvPicPr>
          <p:nvPr userDrawn="1"/>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270691292"/>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orside animation B">
    <p:bg>
      <p:bgPr>
        <a:solidFill>
          <a:schemeClr val="bg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1F558EE2-5BC5-4E63-8AB4-9F9595058CF5}" type="datetime2">
              <a:rPr lang="da-DK" smtClean="0"/>
              <a:t>30. maj 2025</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grpSp>
        <p:nvGrpSpPr>
          <p:cNvPr id="35" name="Group 37">
            <a:extLst>
              <a:ext uri="{FF2B5EF4-FFF2-40B4-BE49-F238E27FC236}">
                <a16:creationId xmlns:a16="http://schemas.microsoft.com/office/drawing/2014/main" id="{345680D0-54A8-BBC5-D9D9-BFE8F7BDC5D5}"/>
              </a:ext>
            </a:extLst>
          </p:cNvPr>
          <p:cNvGrpSpPr/>
          <p:nvPr userDrawn="1"/>
        </p:nvGrpSpPr>
        <p:grpSpPr>
          <a:xfrm>
            <a:off x="9707205" y="1658311"/>
            <a:ext cx="1899131" cy="1532511"/>
            <a:chOff x="7918183" y="1759240"/>
            <a:chExt cx="1670583" cy="1532511"/>
          </a:xfrm>
          <a:solidFill>
            <a:schemeClr val="accent3"/>
          </a:solidFill>
        </p:grpSpPr>
        <p:sp>
          <p:nvSpPr>
            <p:cNvPr id="36" name="Rectangle: Rounded Corners 38">
              <a:extLst>
                <a:ext uri="{FF2B5EF4-FFF2-40B4-BE49-F238E27FC236}">
                  <a16:creationId xmlns:a16="http://schemas.microsoft.com/office/drawing/2014/main" id="{1A4DFA48-D3CA-A2BB-57DD-75958F343582}"/>
                </a:ext>
              </a:extLst>
            </p:cNvPr>
            <p:cNvSpPr/>
            <p:nvPr/>
          </p:nvSpPr>
          <p:spPr>
            <a:xfrm>
              <a:off x="7918183" y="1759240"/>
              <a:ext cx="1670583" cy="1532511"/>
            </a:xfrm>
            <a:prstGeom prst="roundRect">
              <a:avLst>
                <a:gd name="adj" fmla="val 10244"/>
              </a:avLst>
            </a:prstGeom>
            <a:grp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37" name="Rectangle 39">
              <a:extLst>
                <a:ext uri="{FF2B5EF4-FFF2-40B4-BE49-F238E27FC236}">
                  <a16:creationId xmlns:a16="http://schemas.microsoft.com/office/drawing/2014/main" id="{A15C5EF1-D4CB-00F4-9001-3D2F0EF758F7}"/>
                </a:ext>
              </a:extLst>
            </p:cNvPr>
            <p:cNvSpPr/>
            <p:nvPr/>
          </p:nvSpPr>
          <p:spPr>
            <a:xfrm>
              <a:off x="7918183" y="2007031"/>
              <a:ext cx="1077132" cy="1284720"/>
            </a:xfrm>
            <a:prstGeom prst="rect">
              <a:avLst/>
            </a:prstGeom>
            <a:grp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40" name="Rectangle: Rounded Corners 15">
            <a:extLst>
              <a:ext uri="{FF2B5EF4-FFF2-40B4-BE49-F238E27FC236}">
                <a16:creationId xmlns:a16="http://schemas.microsoft.com/office/drawing/2014/main" id="{D32817E6-8B89-65BB-1D74-551FCEAE35E1}"/>
              </a:ext>
            </a:extLst>
          </p:cNvPr>
          <p:cNvSpPr/>
          <p:nvPr userDrawn="1"/>
        </p:nvSpPr>
        <p:spPr>
          <a:xfrm>
            <a:off x="7758498" y="841163"/>
            <a:ext cx="1670583" cy="1532511"/>
          </a:xfrm>
          <a:prstGeom prst="roundRect">
            <a:avLst>
              <a:gd name="adj" fmla="val 10244"/>
            </a:avLst>
          </a:prstGeom>
          <a:solidFill>
            <a:srgbClr val="F68D2E"/>
          </a:solid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41" name="Rectangle: Rounded Corners 9">
            <a:extLst>
              <a:ext uri="{FF2B5EF4-FFF2-40B4-BE49-F238E27FC236}">
                <a16:creationId xmlns:a16="http://schemas.microsoft.com/office/drawing/2014/main" id="{0AD77006-6263-CBA3-95C3-66538B4BD583}"/>
              </a:ext>
            </a:extLst>
          </p:cNvPr>
          <p:cNvSpPr/>
          <p:nvPr userDrawn="1"/>
        </p:nvSpPr>
        <p:spPr>
          <a:xfrm>
            <a:off x="9707205" y="1103147"/>
            <a:ext cx="1899131" cy="1532511"/>
          </a:xfrm>
          <a:prstGeom prst="roundRect">
            <a:avLst>
              <a:gd name="adj" fmla="val 10244"/>
            </a:avLst>
          </a:prstGeom>
          <a:solidFill>
            <a:schemeClr val="accent3"/>
          </a:solid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42" name="Rectangle: Rounded Corners 10">
            <a:extLst>
              <a:ext uri="{FF2B5EF4-FFF2-40B4-BE49-F238E27FC236}">
                <a16:creationId xmlns:a16="http://schemas.microsoft.com/office/drawing/2014/main" id="{BA0F0B34-15DF-3C9E-400C-C29A457876C5}"/>
              </a:ext>
            </a:extLst>
          </p:cNvPr>
          <p:cNvSpPr/>
          <p:nvPr userDrawn="1"/>
        </p:nvSpPr>
        <p:spPr>
          <a:xfrm>
            <a:off x="9707205" y="1546370"/>
            <a:ext cx="1899131" cy="1532511"/>
          </a:xfrm>
          <a:prstGeom prst="roundRect">
            <a:avLst>
              <a:gd name="adj" fmla="val 10244"/>
            </a:avLst>
          </a:prstGeom>
          <a:solidFill>
            <a:schemeClr val="accent3"/>
          </a:solid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nvGrpSpPr>
          <p:cNvPr id="43" name="Group 13">
            <a:extLst>
              <a:ext uri="{FF2B5EF4-FFF2-40B4-BE49-F238E27FC236}">
                <a16:creationId xmlns:a16="http://schemas.microsoft.com/office/drawing/2014/main" id="{3F646390-FCF6-092F-FAF1-684918E6C4A4}"/>
              </a:ext>
            </a:extLst>
          </p:cNvPr>
          <p:cNvGrpSpPr/>
          <p:nvPr userDrawn="1"/>
        </p:nvGrpSpPr>
        <p:grpSpPr>
          <a:xfrm>
            <a:off x="7758498" y="1661606"/>
            <a:ext cx="1670583" cy="1532511"/>
            <a:chOff x="7918183" y="1759240"/>
            <a:chExt cx="1670583" cy="1532511"/>
          </a:xfrm>
          <a:solidFill>
            <a:srgbClr val="F68D2E"/>
          </a:solidFill>
        </p:grpSpPr>
        <p:sp>
          <p:nvSpPr>
            <p:cNvPr id="44" name="Rectangle: Rounded Corners 12">
              <a:extLst>
                <a:ext uri="{FF2B5EF4-FFF2-40B4-BE49-F238E27FC236}">
                  <a16:creationId xmlns:a16="http://schemas.microsoft.com/office/drawing/2014/main" id="{05CA8F74-8DAC-9A15-B1FD-4140CA1325C6}"/>
                </a:ext>
              </a:extLst>
            </p:cNvPr>
            <p:cNvSpPr/>
            <p:nvPr/>
          </p:nvSpPr>
          <p:spPr>
            <a:xfrm>
              <a:off x="7918183" y="1759240"/>
              <a:ext cx="1670583" cy="1532511"/>
            </a:xfrm>
            <a:prstGeom prst="roundRect">
              <a:avLst>
                <a:gd name="adj" fmla="val 10244"/>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46" name="Rectangle 11">
              <a:extLst>
                <a:ext uri="{FF2B5EF4-FFF2-40B4-BE49-F238E27FC236}">
                  <a16:creationId xmlns:a16="http://schemas.microsoft.com/office/drawing/2014/main" id="{11FBB2EA-3973-25A2-E5D3-1E32F82F86FD}"/>
                </a:ext>
              </a:extLst>
            </p:cNvPr>
            <p:cNvSpPr/>
            <p:nvPr/>
          </p:nvSpPr>
          <p:spPr>
            <a:xfrm>
              <a:off x="7918183" y="2007031"/>
              <a:ext cx="1077132"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2" name="Freeform: Shape 11">
            <a:extLst>
              <a:ext uri="{FF2B5EF4-FFF2-40B4-BE49-F238E27FC236}">
                <a16:creationId xmlns:a16="http://schemas.microsoft.com/office/drawing/2014/main" id="{EC2584C0-3DED-D639-DA70-1763518DF8F0}"/>
              </a:ext>
            </a:extLst>
          </p:cNvPr>
          <p:cNvSpPr/>
          <p:nvPr userDrawn="1"/>
        </p:nvSpPr>
        <p:spPr>
          <a:xfrm>
            <a:off x="4640765" y="5672577"/>
            <a:ext cx="2313526" cy="1185422"/>
          </a:xfrm>
          <a:custGeom>
            <a:avLst/>
            <a:gdLst>
              <a:gd name="connsiteX0" fmla="*/ 167145 w 2313526"/>
              <a:gd name="connsiteY0" fmla="*/ 0 h 1185422"/>
              <a:gd name="connsiteX1" fmla="*/ 1203080 w 2313526"/>
              <a:gd name="connsiteY1" fmla="*/ 0 h 1185422"/>
              <a:gd name="connsiteX2" fmla="*/ 2146381 w 2313526"/>
              <a:gd name="connsiteY2" fmla="*/ 0 h 1185422"/>
              <a:gd name="connsiteX3" fmla="*/ 2313525 w 2313526"/>
              <a:gd name="connsiteY3" fmla="*/ 0 h 1185422"/>
              <a:gd name="connsiteX4" fmla="*/ 2313525 w 2313526"/>
              <a:gd name="connsiteY4" fmla="*/ 167140 h 1185422"/>
              <a:gd name="connsiteX5" fmla="*/ 2313526 w 2313526"/>
              <a:gd name="connsiteY5" fmla="*/ 167145 h 1185422"/>
              <a:gd name="connsiteX6" fmla="*/ 2313526 w 2313526"/>
              <a:gd name="connsiteY6" fmla="*/ 1142153 h 1185422"/>
              <a:gd name="connsiteX7" fmla="*/ 2313525 w 2313526"/>
              <a:gd name="connsiteY7" fmla="*/ 1142158 h 1185422"/>
              <a:gd name="connsiteX8" fmla="*/ 2313525 w 2313526"/>
              <a:gd name="connsiteY8" fmla="*/ 1185422 h 1185422"/>
              <a:gd name="connsiteX9" fmla="*/ 1 w 2313526"/>
              <a:gd name="connsiteY9" fmla="*/ 1185422 h 1185422"/>
              <a:gd name="connsiteX10" fmla="*/ 1 w 2313526"/>
              <a:gd name="connsiteY10" fmla="*/ 1142158 h 1185422"/>
              <a:gd name="connsiteX11" fmla="*/ 0 w 2313526"/>
              <a:gd name="connsiteY11" fmla="*/ 1142153 h 1185422"/>
              <a:gd name="connsiteX12" fmla="*/ 0 w 2313526"/>
              <a:gd name="connsiteY12" fmla="*/ 167145 h 1185422"/>
              <a:gd name="connsiteX13" fmla="*/ 167145 w 2313526"/>
              <a:gd name="connsiteY13" fmla="*/ 0 h 11854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313526" h="1185422">
                <a:moveTo>
                  <a:pt x="167145" y="0"/>
                </a:moveTo>
                <a:lnTo>
                  <a:pt x="1203080" y="0"/>
                </a:lnTo>
                <a:lnTo>
                  <a:pt x="2146381" y="0"/>
                </a:lnTo>
                <a:lnTo>
                  <a:pt x="2313525" y="0"/>
                </a:lnTo>
                <a:lnTo>
                  <a:pt x="2313525" y="167140"/>
                </a:lnTo>
                <a:lnTo>
                  <a:pt x="2313526" y="167145"/>
                </a:lnTo>
                <a:lnTo>
                  <a:pt x="2313526" y="1142153"/>
                </a:lnTo>
                <a:lnTo>
                  <a:pt x="2313525" y="1142158"/>
                </a:lnTo>
                <a:lnTo>
                  <a:pt x="2313525" y="1185422"/>
                </a:lnTo>
                <a:lnTo>
                  <a:pt x="1" y="1185422"/>
                </a:lnTo>
                <a:lnTo>
                  <a:pt x="1" y="1142158"/>
                </a:lnTo>
                <a:lnTo>
                  <a:pt x="0" y="1142153"/>
                </a:lnTo>
                <a:lnTo>
                  <a:pt x="0" y="167145"/>
                </a:lnTo>
                <a:cubicBezTo>
                  <a:pt x="0" y="74833"/>
                  <a:pt x="74833" y="0"/>
                  <a:pt x="167145" y="0"/>
                </a:cubicBezTo>
                <a:close/>
              </a:path>
            </a:pathLst>
          </a:custGeom>
          <a:solidFill>
            <a:schemeClr val="accent1"/>
          </a:solidFill>
          <a:ln w="15875">
            <a:solidFill>
              <a:srgbClr val="38025C"/>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Freeform: Shape 13">
            <a:extLst>
              <a:ext uri="{FF2B5EF4-FFF2-40B4-BE49-F238E27FC236}">
                <a16:creationId xmlns:a16="http://schemas.microsoft.com/office/drawing/2014/main" id="{B25533A6-5841-A4BC-D9EB-4BC84547556A}"/>
              </a:ext>
            </a:extLst>
          </p:cNvPr>
          <p:cNvSpPr/>
          <p:nvPr userDrawn="1"/>
        </p:nvSpPr>
        <p:spPr>
          <a:xfrm>
            <a:off x="7213491" y="3438552"/>
            <a:ext cx="4978508" cy="2791037"/>
          </a:xfrm>
          <a:custGeom>
            <a:avLst/>
            <a:gdLst>
              <a:gd name="connsiteX0" fmla="*/ 189818 w 4978508"/>
              <a:gd name="connsiteY0" fmla="*/ 0 h 2791037"/>
              <a:gd name="connsiteX1" fmla="*/ 2952066 w 4978508"/>
              <a:gd name="connsiteY1" fmla="*/ 0 h 2791037"/>
              <a:gd name="connsiteX2" fmla="*/ 4897367 w 4978508"/>
              <a:gd name="connsiteY2" fmla="*/ 0 h 2791037"/>
              <a:gd name="connsiteX3" fmla="*/ 4978508 w 4978508"/>
              <a:gd name="connsiteY3" fmla="*/ 0 h 2791037"/>
              <a:gd name="connsiteX4" fmla="*/ 4978508 w 4978508"/>
              <a:gd name="connsiteY4" fmla="*/ 2790000 h 2791037"/>
              <a:gd name="connsiteX5" fmla="*/ 4907654 w 4978508"/>
              <a:gd name="connsiteY5" fmla="*/ 2790000 h 2791037"/>
              <a:gd name="connsiteX6" fmla="*/ 4897367 w 4978508"/>
              <a:gd name="connsiteY6" fmla="*/ 2791037 h 2791037"/>
              <a:gd name="connsiteX7" fmla="*/ 189818 w 4978508"/>
              <a:gd name="connsiteY7" fmla="*/ 2791037 h 2791037"/>
              <a:gd name="connsiteX8" fmla="*/ 0 w 4978508"/>
              <a:gd name="connsiteY8" fmla="*/ 2601219 h 2791037"/>
              <a:gd name="connsiteX9" fmla="*/ 0 w 4978508"/>
              <a:gd name="connsiteY9" fmla="*/ 189818 h 2791037"/>
              <a:gd name="connsiteX10" fmla="*/ 189818 w 4978508"/>
              <a:gd name="connsiteY10" fmla="*/ 0 h 2791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978508" h="2791037">
                <a:moveTo>
                  <a:pt x="189818" y="0"/>
                </a:moveTo>
                <a:lnTo>
                  <a:pt x="2952066" y="0"/>
                </a:lnTo>
                <a:lnTo>
                  <a:pt x="4897367" y="0"/>
                </a:lnTo>
                <a:lnTo>
                  <a:pt x="4978508" y="0"/>
                </a:lnTo>
                <a:lnTo>
                  <a:pt x="4978508" y="2790000"/>
                </a:lnTo>
                <a:lnTo>
                  <a:pt x="4907654" y="2790000"/>
                </a:lnTo>
                <a:lnTo>
                  <a:pt x="4897367" y="2791037"/>
                </a:lnTo>
                <a:lnTo>
                  <a:pt x="189818" y="2791037"/>
                </a:lnTo>
                <a:cubicBezTo>
                  <a:pt x="84984" y="2791037"/>
                  <a:pt x="0" y="2706053"/>
                  <a:pt x="0" y="2601219"/>
                </a:cubicBezTo>
                <a:lnTo>
                  <a:pt x="0" y="189818"/>
                </a:lnTo>
                <a:cubicBezTo>
                  <a:pt x="0" y="84984"/>
                  <a:pt x="84984" y="0"/>
                  <a:pt x="189818" y="0"/>
                </a:cubicBezTo>
                <a:close/>
              </a:path>
            </a:pathLst>
          </a:custGeom>
          <a:solidFill>
            <a:schemeClr val="bg1"/>
          </a:solid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01" name="Kombinationstegning: figur 100">
            <a:extLst>
              <a:ext uri="{FF2B5EF4-FFF2-40B4-BE49-F238E27FC236}">
                <a16:creationId xmlns:a16="http://schemas.microsoft.com/office/drawing/2014/main" id="{08BFB9B9-F32C-192D-99A4-E53272102434}"/>
              </a:ext>
            </a:extLst>
          </p:cNvPr>
          <p:cNvSpPr/>
          <p:nvPr userDrawn="1"/>
        </p:nvSpPr>
        <p:spPr>
          <a:xfrm>
            <a:off x="2996094" y="1524105"/>
            <a:ext cx="4512666" cy="1656915"/>
          </a:xfrm>
          <a:custGeom>
            <a:avLst/>
            <a:gdLst>
              <a:gd name="connsiteX0" fmla="*/ 158931 w 4512666"/>
              <a:gd name="connsiteY0" fmla="*/ 0 h 1656915"/>
              <a:gd name="connsiteX1" fmla="*/ 4353735 w 4512666"/>
              <a:gd name="connsiteY1" fmla="*/ 0 h 1656915"/>
              <a:gd name="connsiteX2" fmla="*/ 4512666 w 4512666"/>
              <a:gd name="connsiteY2" fmla="*/ 158931 h 1656915"/>
              <a:gd name="connsiteX3" fmla="*/ 4512666 w 4512666"/>
              <a:gd name="connsiteY3" fmla="*/ 990165 h 1656915"/>
              <a:gd name="connsiteX4" fmla="*/ 4512666 w 4512666"/>
              <a:gd name="connsiteY4" fmla="*/ 1497984 h 1656915"/>
              <a:gd name="connsiteX5" fmla="*/ 4512666 w 4512666"/>
              <a:gd name="connsiteY5" fmla="*/ 1656915 h 1656915"/>
              <a:gd name="connsiteX6" fmla="*/ 4353735 w 4512666"/>
              <a:gd name="connsiteY6" fmla="*/ 1656915 h 1656915"/>
              <a:gd name="connsiteX7" fmla="*/ 3741141 w 4512666"/>
              <a:gd name="connsiteY7" fmla="*/ 1656915 h 1656915"/>
              <a:gd name="connsiteX8" fmla="*/ 158931 w 4512666"/>
              <a:gd name="connsiteY8" fmla="*/ 1656915 h 1656915"/>
              <a:gd name="connsiteX9" fmla="*/ 0 w 4512666"/>
              <a:gd name="connsiteY9" fmla="*/ 1497984 h 1656915"/>
              <a:gd name="connsiteX10" fmla="*/ 0 w 4512666"/>
              <a:gd name="connsiteY10" fmla="*/ 158931 h 1656915"/>
              <a:gd name="connsiteX11" fmla="*/ 158931 w 4512666"/>
              <a:gd name="connsiteY11" fmla="*/ 0 h 1656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512666" h="1656915">
                <a:moveTo>
                  <a:pt x="158931" y="0"/>
                </a:moveTo>
                <a:lnTo>
                  <a:pt x="4353735" y="0"/>
                </a:lnTo>
                <a:cubicBezTo>
                  <a:pt x="4441510" y="0"/>
                  <a:pt x="4512666" y="71156"/>
                  <a:pt x="4512666" y="158931"/>
                </a:cubicBezTo>
                <a:lnTo>
                  <a:pt x="4512666" y="990165"/>
                </a:lnTo>
                <a:lnTo>
                  <a:pt x="4512666" y="1497984"/>
                </a:lnTo>
                <a:lnTo>
                  <a:pt x="4512666" y="1656915"/>
                </a:lnTo>
                <a:lnTo>
                  <a:pt x="4353735" y="1656915"/>
                </a:lnTo>
                <a:lnTo>
                  <a:pt x="3741141" y="1656915"/>
                </a:lnTo>
                <a:lnTo>
                  <a:pt x="158931" y="1656915"/>
                </a:lnTo>
                <a:cubicBezTo>
                  <a:pt x="71156" y="1656915"/>
                  <a:pt x="0" y="1585759"/>
                  <a:pt x="0" y="1497984"/>
                </a:cubicBezTo>
                <a:lnTo>
                  <a:pt x="0" y="158931"/>
                </a:lnTo>
                <a:cubicBezTo>
                  <a:pt x="0" y="71156"/>
                  <a:pt x="71156" y="0"/>
                  <a:pt x="158931"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0" name="Freeform: Shape 9">
            <a:extLst>
              <a:ext uri="{FF2B5EF4-FFF2-40B4-BE49-F238E27FC236}">
                <a16:creationId xmlns:a16="http://schemas.microsoft.com/office/drawing/2014/main" id="{78C65111-0D27-639E-EDD8-E12C1BEF8558}"/>
              </a:ext>
            </a:extLst>
          </p:cNvPr>
          <p:cNvSpPr/>
          <p:nvPr userDrawn="1"/>
        </p:nvSpPr>
        <p:spPr>
          <a:xfrm>
            <a:off x="0" y="0"/>
            <a:ext cx="2746356" cy="3171633"/>
          </a:xfrm>
          <a:custGeom>
            <a:avLst/>
            <a:gdLst>
              <a:gd name="connsiteX0" fmla="*/ 0 w 2746356"/>
              <a:gd name="connsiteY0" fmla="*/ 0 h 3171633"/>
              <a:gd name="connsiteX1" fmla="*/ 2746356 w 2746356"/>
              <a:gd name="connsiteY1" fmla="*/ 0 h 3171633"/>
              <a:gd name="connsiteX2" fmla="*/ 2746356 w 2746356"/>
              <a:gd name="connsiteY2" fmla="*/ 419000 h 3171633"/>
              <a:gd name="connsiteX3" fmla="*/ 2746355 w 2746356"/>
              <a:gd name="connsiteY3" fmla="*/ 419000 h 3171633"/>
              <a:gd name="connsiteX4" fmla="*/ 2746355 w 2746356"/>
              <a:gd name="connsiteY4" fmla="*/ 2989328 h 3171633"/>
              <a:gd name="connsiteX5" fmla="*/ 2564051 w 2746356"/>
              <a:gd name="connsiteY5" fmla="*/ 3171632 h 3171633"/>
              <a:gd name="connsiteX6" fmla="*/ 417450 w 2746356"/>
              <a:gd name="connsiteY6" fmla="*/ 3171632 h 3171633"/>
              <a:gd name="connsiteX7" fmla="*/ 417450 w 2746356"/>
              <a:gd name="connsiteY7" fmla="*/ 3171633 h 3171633"/>
              <a:gd name="connsiteX8" fmla="*/ 0 w 2746356"/>
              <a:gd name="connsiteY8" fmla="*/ 3171633 h 31716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6356" h="3171633">
                <a:moveTo>
                  <a:pt x="0" y="0"/>
                </a:moveTo>
                <a:lnTo>
                  <a:pt x="2746356" y="0"/>
                </a:lnTo>
                <a:lnTo>
                  <a:pt x="2746356" y="419000"/>
                </a:lnTo>
                <a:lnTo>
                  <a:pt x="2746355" y="419000"/>
                </a:lnTo>
                <a:lnTo>
                  <a:pt x="2746355" y="2989328"/>
                </a:lnTo>
                <a:cubicBezTo>
                  <a:pt x="2746355" y="3090012"/>
                  <a:pt x="2664735" y="3171632"/>
                  <a:pt x="2564051" y="3171632"/>
                </a:cubicBezTo>
                <a:lnTo>
                  <a:pt x="417450" y="3171632"/>
                </a:lnTo>
                <a:lnTo>
                  <a:pt x="417450" y="3171633"/>
                </a:lnTo>
                <a:lnTo>
                  <a:pt x="0" y="3171633"/>
                </a:ln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24" name="Rectangle: Rounded Corners 6">
            <a:extLst>
              <a:ext uri="{FF2B5EF4-FFF2-40B4-BE49-F238E27FC236}">
                <a16:creationId xmlns:a16="http://schemas.microsoft.com/office/drawing/2014/main" id="{5EBC8348-21D0-9C68-0D0B-4E2FD2EB8293}"/>
              </a:ext>
            </a:extLst>
          </p:cNvPr>
          <p:cNvSpPr/>
          <p:nvPr userDrawn="1"/>
        </p:nvSpPr>
        <p:spPr>
          <a:xfrm>
            <a:off x="5283708" y="3438552"/>
            <a:ext cx="1670584" cy="1976493"/>
          </a:xfrm>
          <a:prstGeom prst="roundRect">
            <a:avLst>
              <a:gd name="adj" fmla="val 8947"/>
            </a:avLst>
          </a:prstGeom>
          <a:noFill/>
          <a:ln w="158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nvGrpSpPr>
          <p:cNvPr id="125" name="Group 16">
            <a:extLst>
              <a:ext uri="{FF2B5EF4-FFF2-40B4-BE49-F238E27FC236}">
                <a16:creationId xmlns:a16="http://schemas.microsoft.com/office/drawing/2014/main" id="{2183D9D5-BB0C-1F7E-9DDD-0E9320A0246A}"/>
              </a:ext>
            </a:extLst>
          </p:cNvPr>
          <p:cNvGrpSpPr/>
          <p:nvPr userDrawn="1"/>
        </p:nvGrpSpPr>
        <p:grpSpPr>
          <a:xfrm>
            <a:off x="-1" y="3438552"/>
            <a:ext cx="5024505" cy="1976493"/>
            <a:chOff x="7949655" y="1759240"/>
            <a:chExt cx="1639111" cy="1532511"/>
          </a:xfrm>
          <a:solidFill>
            <a:srgbClr val="F68D2E"/>
          </a:solidFill>
        </p:grpSpPr>
        <p:sp>
          <p:nvSpPr>
            <p:cNvPr id="126" name="Rectangle: Rounded Corners 17">
              <a:extLst>
                <a:ext uri="{FF2B5EF4-FFF2-40B4-BE49-F238E27FC236}">
                  <a16:creationId xmlns:a16="http://schemas.microsoft.com/office/drawing/2014/main" id="{11DF771D-BDC7-951A-E008-8F0D92749B56}"/>
                </a:ext>
              </a:extLst>
            </p:cNvPr>
            <p:cNvSpPr/>
            <p:nvPr/>
          </p:nvSpPr>
          <p:spPr>
            <a:xfrm>
              <a:off x="7949655" y="1759240"/>
              <a:ext cx="1639111" cy="1532511"/>
            </a:xfrm>
            <a:prstGeom prst="roundRect">
              <a:avLst>
                <a:gd name="adj" fmla="val 8127"/>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127" name="Rectangle 18">
              <a:extLst>
                <a:ext uri="{FF2B5EF4-FFF2-40B4-BE49-F238E27FC236}">
                  <a16:creationId xmlns:a16="http://schemas.microsoft.com/office/drawing/2014/main" id="{F2C02440-8E00-B5FA-BFDD-3A391A4D4FDE}"/>
                </a:ext>
              </a:extLst>
            </p:cNvPr>
            <p:cNvSpPr/>
            <p:nvPr/>
          </p:nvSpPr>
          <p:spPr>
            <a:xfrm>
              <a:off x="7949655" y="1759240"/>
              <a:ext cx="1639111"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28" name="Rectangle 14">
              <a:extLst>
                <a:ext uri="{FF2B5EF4-FFF2-40B4-BE49-F238E27FC236}">
                  <a16:creationId xmlns:a16="http://schemas.microsoft.com/office/drawing/2014/main" id="{CF46447D-E921-4E77-CFF8-85D1BA1132BD}"/>
                </a:ext>
              </a:extLst>
            </p:cNvPr>
            <p:cNvSpPr/>
            <p:nvPr/>
          </p:nvSpPr>
          <p:spPr>
            <a:xfrm>
              <a:off x="7949655" y="2007031"/>
              <a:ext cx="1355322"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29" name="Freeform: Shape 8">
            <a:extLst>
              <a:ext uri="{FF2B5EF4-FFF2-40B4-BE49-F238E27FC236}">
                <a16:creationId xmlns:a16="http://schemas.microsoft.com/office/drawing/2014/main" id="{E5C54FDE-EEFF-701F-69E3-8308F636AF53}"/>
              </a:ext>
            </a:extLst>
          </p:cNvPr>
          <p:cNvSpPr/>
          <p:nvPr userDrawn="1"/>
        </p:nvSpPr>
        <p:spPr>
          <a:xfrm>
            <a:off x="5283707" y="3438552"/>
            <a:ext cx="1521117" cy="1976493"/>
          </a:xfrm>
          <a:custGeom>
            <a:avLst/>
            <a:gdLst>
              <a:gd name="connsiteX0" fmla="*/ 0 w 1670584"/>
              <a:gd name="connsiteY0" fmla="*/ 0 h 1976493"/>
              <a:gd name="connsiteX1" fmla="*/ 149467 w 1670584"/>
              <a:gd name="connsiteY1" fmla="*/ 0 h 1976493"/>
              <a:gd name="connsiteX2" fmla="*/ 1280462 w 1670584"/>
              <a:gd name="connsiteY2" fmla="*/ 0 h 1976493"/>
              <a:gd name="connsiteX3" fmla="*/ 1521117 w 1670584"/>
              <a:gd name="connsiteY3" fmla="*/ 0 h 1976493"/>
              <a:gd name="connsiteX4" fmla="*/ 1670584 w 1670584"/>
              <a:gd name="connsiteY4" fmla="*/ 149467 h 1976493"/>
              <a:gd name="connsiteX5" fmla="*/ 1670584 w 1670584"/>
              <a:gd name="connsiteY5" fmla="*/ 1827026 h 1976493"/>
              <a:gd name="connsiteX6" fmla="*/ 1521117 w 1670584"/>
              <a:gd name="connsiteY6" fmla="*/ 1976493 h 1976493"/>
              <a:gd name="connsiteX7" fmla="*/ 149467 w 1670584"/>
              <a:gd name="connsiteY7" fmla="*/ 1976493 h 1976493"/>
              <a:gd name="connsiteX8" fmla="*/ 0 w 1670584"/>
              <a:gd name="connsiteY8" fmla="*/ 1827026 h 1976493"/>
              <a:gd name="connsiteX9" fmla="*/ 0 w 1670584"/>
              <a:gd name="connsiteY9" fmla="*/ 1552142 h 1976493"/>
              <a:gd name="connsiteX10" fmla="*/ 0 w 1670584"/>
              <a:gd name="connsiteY10" fmla="*/ 149467 h 1976493"/>
              <a:gd name="connsiteX0" fmla="*/ 1670584 w 1762024"/>
              <a:gd name="connsiteY0" fmla="*/ 149467 h 1976493"/>
              <a:gd name="connsiteX1" fmla="*/ 1670584 w 1762024"/>
              <a:gd name="connsiteY1" fmla="*/ 1827026 h 1976493"/>
              <a:gd name="connsiteX2" fmla="*/ 1521117 w 1762024"/>
              <a:gd name="connsiteY2" fmla="*/ 1976493 h 1976493"/>
              <a:gd name="connsiteX3" fmla="*/ 149467 w 1762024"/>
              <a:gd name="connsiteY3" fmla="*/ 1976493 h 1976493"/>
              <a:gd name="connsiteX4" fmla="*/ 0 w 1762024"/>
              <a:gd name="connsiteY4" fmla="*/ 1827026 h 1976493"/>
              <a:gd name="connsiteX5" fmla="*/ 0 w 1762024"/>
              <a:gd name="connsiteY5" fmla="*/ 1552142 h 1976493"/>
              <a:gd name="connsiteX6" fmla="*/ 0 w 1762024"/>
              <a:gd name="connsiteY6" fmla="*/ 149467 h 1976493"/>
              <a:gd name="connsiteX7" fmla="*/ 0 w 1762024"/>
              <a:gd name="connsiteY7" fmla="*/ 0 h 1976493"/>
              <a:gd name="connsiteX8" fmla="*/ 149467 w 1762024"/>
              <a:gd name="connsiteY8" fmla="*/ 0 h 1976493"/>
              <a:gd name="connsiteX9" fmla="*/ 1280462 w 1762024"/>
              <a:gd name="connsiteY9" fmla="*/ 0 h 1976493"/>
              <a:gd name="connsiteX10" fmla="*/ 1521117 w 1762024"/>
              <a:gd name="connsiteY10" fmla="*/ 0 h 1976493"/>
              <a:gd name="connsiteX11" fmla="*/ 1762024 w 1762024"/>
              <a:gd name="connsiteY11" fmla="*/ 240907 h 1976493"/>
              <a:gd name="connsiteX0" fmla="*/ 1670584 w 1670584"/>
              <a:gd name="connsiteY0" fmla="*/ 149467 h 1976493"/>
              <a:gd name="connsiteX1" fmla="*/ 1670584 w 1670584"/>
              <a:gd name="connsiteY1" fmla="*/ 1827026 h 1976493"/>
              <a:gd name="connsiteX2" fmla="*/ 1521117 w 1670584"/>
              <a:gd name="connsiteY2" fmla="*/ 1976493 h 1976493"/>
              <a:gd name="connsiteX3" fmla="*/ 149467 w 1670584"/>
              <a:gd name="connsiteY3" fmla="*/ 1976493 h 1976493"/>
              <a:gd name="connsiteX4" fmla="*/ 0 w 1670584"/>
              <a:gd name="connsiteY4" fmla="*/ 1827026 h 1976493"/>
              <a:gd name="connsiteX5" fmla="*/ 0 w 1670584"/>
              <a:gd name="connsiteY5" fmla="*/ 1552142 h 1976493"/>
              <a:gd name="connsiteX6" fmla="*/ 0 w 1670584"/>
              <a:gd name="connsiteY6" fmla="*/ 149467 h 1976493"/>
              <a:gd name="connsiteX7" fmla="*/ 0 w 1670584"/>
              <a:gd name="connsiteY7" fmla="*/ 0 h 1976493"/>
              <a:gd name="connsiteX8" fmla="*/ 149467 w 1670584"/>
              <a:gd name="connsiteY8" fmla="*/ 0 h 1976493"/>
              <a:gd name="connsiteX9" fmla="*/ 1280462 w 1670584"/>
              <a:gd name="connsiteY9" fmla="*/ 0 h 1976493"/>
              <a:gd name="connsiteX10" fmla="*/ 1521117 w 1670584"/>
              <a:gd name="connsiteY10" fmla="*/ 0 h 1976493"/>
              <a:gd name="connsiteX0" fmla="*/ 1670584 w 1670584"/>
              <a:gd name="connsiteY0" fmla="*/ 1827026 h 1976493"/>
              <a:gd name="connsiteX1" fmla="*/ 1521117 w 1670584"/>
              <a:gd name="connsiteY1" fmla="*/ 1976493 h 1976493"/>
              <a:gd name="connsiteX2" fmla="*/ 149467 w 1670584"/>
              <a:gd name="connsiteY2" fmla="*/ 1976493 h 1976493"/>
              <a:gd name="connsiteX3" fmla="*/ 0 w 1670584"/>
              <a:gd name="connsiteY3" fmla="*/ 1827026 h 1976493"/>
              <a:gd name="connsiteX4" fmla="*/ 0 w 1670584"/>
              <a:gd name="connsiteY4" fmla="*/ 1552142 h 1976493"/>
              <a:gd name="connsiteX5" fmla="*/ 0 w 1670584"/>
              <a:gd name="connsiteY5" fmla="*/ 149467 h 1976493"/>
              <a:gd name="connsiteX6" fmla="*/ 0 w 1670584"/>
              <a:gd name="connsiteY6" fmla="*/ 0 h 1976493"/>
              <a:gd name="connsiteX7" fmla="*/ 149467 w 1670584"/>
              <a:gd name="connsiteY7" fmla="*/ 0 h 1976493"/>
              <a:gd name="connsiteX8" fmla="*/ 1280462 w 1670584"/>
              <a:gd name="connsiteY8" fmla="*/ 0 h 1976493"/>
              <a:gd name="connsiteX9" fmla="*/ 1521117 w 1670584"/>
              <a:gd name="connsiteY9" fmla="*/ 0 h 1976493"/>
              <a:gd name="connsiteX0" fmla="*/ 1521117 w 1521117"/>
              <a:gd name="connsiteY0" fmla="*/ 1976493 h 1976493"/>
              <a:gd name="connsiteX1" fmla="*/ 149467 w 1521117"/>
              <a:gd name="connsiteY1" fmla="*/ 1976493 h 1976493"/>
              <a:gd name="connsiteX2" fmla="*/ 0 w 1521117"/>
              <a:gd name="connsiteY2" fmla="*/ 1827026 h 1976493"/>
              <a:gd name="connsiteX3" fmla="*/ 0 w 1521117"/>
              <a:gd name="connsiteY3" fmla="*/ 1552142 h 1976493"/>
              <a:gd name="connsiteX4" fmla="*/ 0 w 1521117"/>
              <a:gd name="connsiteY4" fmla="*/ 149467 h 1976493"/>
              <a:gd name="connsiteX5" fmla="*/ 0 w 1521117"/>
              <a:gd name="connsiteY5" fmla="*/ 0 h 1976493"/>
              <a:gd name="connsiteX6" fmla="*/ 149467 w 1521117"/>
              <a:gd name="connsiteY6" fmla="*/ 0 h 1976493"/>
              <a:gd name="connsiteX7" fmla="*/ 1280462 w 1521117"/>
              <a:gd name="connsiteY7" fmla="*/ 0 h 1976493"/>
              <a:gd name="connsiteX8" fmla="*/ 1521117 w 1521117"/>
              <a:gd name="connsiteY8" fmla="*/ 0 h 19764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521117" h="1976493">
                <a:moveTo>
                  <a:pt x="1521117" y="1976493"/>
                </a:moveTo>
                <a:lnTo>
                  <a:pt x="149467" y="1976493"/>
                </a:lnTo>
                <a:cubicBezTo>
                  <a:pt x="66919" y="1976493"/>
                  <a:pt x="0" y="1909574"/>
                  <a:pt x="0" y="1827026"/>
                </a:cubicBezTo>
                <a:lnTo>
                  <a:pt x="0" y="1552142"/>
                </a:lnTo>
                <a:lnTo>
                  <a:pt x="0" y="149467"/>
                </a:lnTo>
                <a:lnTo>
                  <a:pt x="0" y="0"/>
                </a:lnTo>
                <a:lnTo>
                  <a:pt x="149467" y="0"/>
                </a:lnTo>
                <a:lnTo>
                  <a:pt x="1280462" y="0"/>
                </a:lnTo>
                <a:lnTo>
                  <a:pt x="1521117" y="0"/>
                </a:lnTo>
              </a:path>
            </a:pathLst>
          </a:custGeom>
          <a:solidFill>
            <a:schemeClr val="bg2"/>
          </a:solidFill>
          <a:ln w="158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9" y="647999"/>
            <a:ext cx="6246514" cy="2052000"/>
          </a:xfrm>
        </p:spPr>
        <p:txBody>
          <a:bodyPr anchor="t" anchorCtr="0"/>
          <a:lstStyle>
            <a:lvl1pPr algn="l">
              <a:defRPr sz="4800">
                <a:solidFill>
                  <a:schemeClr val="accent1"/>
                </a:solidFill>
              </a:defRPr>
            </a:lvl1pPr>
          </a:lstStyle>
          <a:p>
            <a:r>
              <a:rPr lang="da-DK" dirty="0"/>
              <a:t>Klik for at indsætte overskrift – max. tre linjer</a:t>
            </a:r>
          </a:p>
        </p:txBody>
      </p:sp>
      <p:sp>
        <p:nvSpPr>
          <p:cNvPr id="4" name="Dynamic cover logo lilla" descr="{&quot;templafy&quot;:{&quot;id&quot;:&quot;9181fbb6-c862-46d9-910e-8916adc3d83f&quot;}}" title="UserProfile.LogoSelection.LogoStandard2023_{{DocumentLanguage}}">
            <a:extLst>
              <a:ext uri="{FF2B5EF4-FFF2-40B4-BE49-F238E27FC236}">
                <a16:creationId xmlns:a16="http://schemas.microsoft.com/office/drawing/2014/main" id="{BB5C3727-BDA3-159F-6E9D-686B1875C229}"/>
              </a:ext>
            </a:extLst>
          </p:cNvPr>
          <p:cNvSpPr/>
          <p:nvPr userDrawn="1"/>
        </p:nvSpPr>
        <p:spPr>
          <a:xfrm>
            <a:off x="0" y="5958000"/>
            <a:ext cx="3240000" cy="900000"/>
          </a:xfrm>
          <a:prstGeom prst="rect">
            <a:avLst/>
          </a:prstGeom>
          <a:no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pic>
        <p:nvPicPr>
          <p:cNvPr id="3" name="Dynamic cover logo lilla" descr="{&quot;templafy&quot;:{&quot;id&quot;:&quot;d91da4fb-296f-469b-9294-8e81cf84b23d&quot;}}">
            <a:extLst>
              <a:ext uri="{FF2B5EF4-FFF2-40B4-BE49-F238E27FC236}">
                <a16:creationId xmlns:a16="http://schemas.microsoft.com/office/drawing/2014/main" id="{16DE3B9E-3FC6-5861-D1E1-E41AA7BFEED7}"/>
              </a:ext>
            </a:extLst>
          </p:cNvPr>
          <p:cNvPicPr>
            <a:picLocks noChangeAspect="1"/>
          </p:cNvPicPr>
          <p:nvPr userDrawn="1"/>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1388347039"/>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2800"/>
                                  </p:stCondLst>
                                  <p:childTnLst>
                                    <p:animMotion origin="layout" path="M 2.29167E-6 7.40741E-7 L 2.29167E-6 0.03356 " pathEditMode="relative" rAng="0" ptsTypes="AA">
                                      <p:cBhvr>
                                        <p:cTn id="6" dur="6000" fill="hold"/>
                                        <p:tgtEl>
                                          <p:spTgt spid="40"/>
                                        </p:tgtEl>
                                        <p:attrNameLst>
                                          <p:attrName>ppt_x</p:attrName>
                                          <p:attrName>ppt_y</p:attrName>
                                        </p:attrNameLst>
                                      </p:cBhvr>
                                      <p:rCtr x="0" y="1667"/>
                                    </p:animMotion>
                                  </p:childTnLst>
                                </p:cTn>
                              </p:par>
                              <p:par>
                                <p:cTn id="7" presetID="42" presetClass="path" presetSubtype="0" repeatCount="indefinite" accel="50000" decel="50000" autoRev="1" fill="hold" grpId="0" nodeType="withEffect">
                                  <p:stCondLst>
                                    <p:cond delay="1700"/>
                                  </p:stCondLst>
                                  <p:childTnLst>
                                    <p:animMotion origin="layout" path="M 1.45833E-6 -3.7037E-6 L -0.00013 -0.1 " pathEditMode="relative" rAng="0" ptsTypes="AA">
                                      <p:cBhvr>
                                        <p:cTn id="8" dur="6750" fill="hold"/>
                                        <p:tgtEl>
                                          <p:spTgt spid="41"/>
                                        </p:tgtEl>
                                        <p:attrNameLst>
                                          <p:attrName>ppt_x</p:attrName>
                                          <p:attrName>ppt_y</p:attrName>
                                        </p:attrNameLst>
                                      </p:cBhvr>
                                      <p:rCtr x="-13" y="-5000"/>
                                    </p:animMotion>
                                  </p:childTnLst>
                                </p:cTn>
                              </p:par>
                              <p:par>
                                <p:cTn id="9" presetID="42" presetClass="path" presetSubtype="0" repeatCount="indefinite" accel="68000" decel="14000" autoRev="1" fill="hold" nodeType="withEffect">
                                  <p:stCondLst>
                                    <p:cond delay="0"/>
                                  </p:stCondLst>
                                  <p:childTnLst>
                                    <p:animMotion origin="layout" path="M 4.16667E-7 -3.7037E-7 L -0.0931 -3.7037E-7 " pathEditMode="relative" rAng="0" ptsTypes="AA">
                                      <p:cBhvr>
                                        <p:cTn id="10" dur="5500" fill="hold"/>
                                        <p:tgtEl>
                                          <p:spTgt spid="125"/>
                                        </p:tgtEl>
                                        <p:attrNameLst>
                                          <p:attrName>ppt_x</p:attrName>
                                          <p:attrName>ppt_y</p:attrName>
                                        </p:attrNameLst>
                                      </p:cBhvr>
                                      <p:rCtr x="-4661" y="0"/>
                                    </p:animMotion>
                                  </p:childTnLst>
                                </p:cTn>
                              </p:par>
                              <p:par>
                                <p:cTn id="11" presetID="42" presetClass="path" presetSubtype="0" repeatCount="indefinite" accel="68000" decel="14000" autoRev="1" fill="hold" grpId="0" nodeType="withEffect">
                                  <p:stCondLst>
                                    <p:cond delay="0"/>
                                  </p:stCondLst>
                                  <p:childTnLst>
                                    <p:animMotion origin="layout" path="M -3.125E-6 -3.7037E-7 L -0.0931 -3.7037E-7 " pathEditMode="relative" rAng="0" ptsTypes="AA">
                                      <p:cBhvr>
                                        <p:cTn id="12" dur="5500" fill="hold"/>
                                        <p:tgtEl>
                                          <p:spTgt spid="129"/>
                                        </p:tgtEl>
                                        <p:attrNameLst>
                                          <p:attrName>ppt_x</p:attrName>
                                          <p:attrName>ppt_y</p:attrName>
                                        </p:attrNameLst>
                                      </p:cBhvr>
                                      <p:rCtr x="-4661"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0" grpId="0" animBg="1"/>
      <p:bldP spid="41" grpId="0" animBg="1"/>
      <p:bldP spid="129" grpId="0" animBg="1"/>
    </p:bld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Forside med billede animation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B8B07CA3-2C59-4ADB-B7C9-DF67464564EF}" type="datetime2">
              <a:rPr lang="da-DK" smtClean="0"/>
              <a:t>30. maj 2025</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32" name="Kombinationstegning: figur 31">
            <a:extLst>
              <a:ext uri="{FF2B5EF4-FFF2-40B4-BE49-F238E27FC236}">
                <a16:creationId xmlns:a16="http://schemas.microsoft.com/office/drawing/2014/main" id="{58E431ED-E98C-0B05-A685-B8623369B24F}"/>
              </a:ext>
            </a:extLst>
          </p:cNvPr>
          <p:cNvSpPr/>
          <p:nvPr userDrawn="1"/>
        </p:nvSpPr>
        <p:spPr>
          <a:xfrm>
            <a:off x="6822141" y="4204446"/>
            <a:ext cx="5369859" cy="2656745"/>
          </a:xfrm>
          <a:custGeom>
            <a:avLst/>
            <a:gdLst>
              <a:gd name="connsiteX0" fmla="*/ 186052 w 5369859"/>
              <a:gd name="connsiteY0" fmla="*/ 0 h 2656745"/>
              <a:gd name="connsiteX1" fmla="*/ 662859 w 5369859"/>
              <a:gd name="connsiteY1" fmla="*/ 0 h 2656745"/>
              <a:gd name="connsiteX2" fmla="*/ 5183807 w 5369859"/>
              <a:gd name="connsiteY2" fmla="*/ 0 h 2656745"/>
              <a:gd name="connsiteX3" fmla="*/ 5369859 w 5369859"/>
              <a:gd name="connsiteY3" fmla="*/ 0 h 2656745"/>
              <a:gd name="connsiteX4" fmla="*/ 5369859 w 5369859"/>
              <a:gd name="connsiteY4" fmla="*/ 186052 h 2656745"/>
              <a:gd name="connsiteX5" fmla="*/ 5369859 w 5369859"/>
              <a:gd name="connsiteY5" fmla="*/ 429570 h 2656745"/>
              <a:gd name="connsiteX6" fmla="*/ 5369859 w 5369859"/>
              <a:gd name="connsiteY6" fmla="*/ 2470693 h 2656745"/>
              <a:gd name="connsiteX7" fmla="*/ 5369859 w 5369859"/>
              <a:gd name="connsiteY7" fmla="*/ 2656745 h 2656745"/>
              <a:gd name="connsiteX8" fmla="*/ 5183807 w 5369859"/>
              <a:gd name="connsiteY8" fmla="*/ 2656745 h 2656745"/>
              <a:gd name="connsiteX9" fmla="*/ 186052 w 5369859"/>
              <a:gd name="connsiteY9" fmla="*/ 2656745 h 2656745"/>
              <a:gd name="connsiteX10" fmla="*/ 0 w 5369859"/>
              <a:gd name="connsiteY10" fmla="*/ 2656745 h 2656745"/>
              <a:gd name="connsiteX11" fmla="*/ 0 w 5369859"/>
              <a:gd name="connsiteY11" fmla="*/ 2470693 h 2656745"/>
              <a:gd name="connsiteX12" fmla="*/ 0 w 5369859"/>
              <a:gd name="connsiteY12" fmla="*/ 429570 h 2656745"/>
              <a:gd name="connsiteX13" fmla="*/ 0 w 5369859"/>
              <a:gd name="connsiteY13" fmla="*/ 186052 h 2656745"/>
              <a:gd name="connsiteX14" fmla="*/ 186052 w 5369859"/>
              <a:gd name="connsiteY14" fmla="*/ 0 h 2656745"/>
              <a:gd name="connsiteX0" fmla="*/ 5369859 w 5461299"/>
              <a:gd name="connsiteY0" fmla="*/ 186052 h 2656745"/>
              <a:gd name="connsiteX1" fmla="*/ 5369859 w 5461299"/>
              <a:gd name="connsiteY1" fmla="*/ 429570 h 2656745"/>
              <a:gd name="connsiteX2" fmla="*/ 5369859 w 5461299"/>
              <a:gd name="connsiteY2" fmla="*/ 2470693 h 2656745"/>
              <a:gd name="connsiteX3" fmla="*/ 5369859 w 5461299"/>
              <a:gd name="connsiteY3" fmla="*/ 2656745 h 2656745"/>
              <a:gd name="connsiteX4" fmla="*/ 5183807 w 5461299"/>
              <a:gd name="connsiteY4" fmla="*/ 2656745 h 2656745"/>
              <a:gd name="connsiteX5" fmla="*/ 186052 w 5461299"/>
              <a:gd name="connsiteY5" fmla="*/ 2656745 h 2656745"/>
              <a:gd name="connsiteX6" fmla="*/ 0 w 5461299"/>
              <a:gd name="connsiteY6" fmla="*/ 2656745 h 2656745"/>
              <a:gd name="connsiteX7" fmla="*/ 0 w 5461299"/>
              <a:gd name="connsiteY7" fmla="*/ 2470693 h 2656745"/>
              <a:gd name="connsiteX8" fmla="*/ 0 w 5461299"/>
              <a:gd name="connsiteY8" fmla="*/ 429570 h 2656745"/>
              <a:gd name="connsiteX9" fmla="*/ 0 w 5461299"/>
              <a:gd name="connsiteY9" fmla="*/ 186052 h 2656745"/>
              <a:gd name="connsiteX10" fmla="*/ 186052 w 5461299"/>
              <a:gd name="connsiteY10" fmla="*/ 0 h 2656745"/>
              <a:gd name="connsiteX11" fmla="*/ 662859 w 5461299"/>
              <a:gd name="connsiteY11" fmla="*/ 0 h 2656745"/>
              <a:gd name="connsiteX12" fmla="*/ 5183807 w 5461299"/>
              <a:gd name="connsiteY12" fmla="*/ 0 h 2656745"/>
              <a:gd name="connsiteX13" fmla="*/ 5369859 w 5461299"/>
              <a:gd name="connsiteY13" fmla="*/ 0 h 2656745"/>
              <a:gd name="connsiteX14" fmla="*/ 5461299 w 5461299"/>
              <a:gd name="connsiteY14" fmla="*/ 277492 h 2656745"/>
              <a:gd name="connsiteX0" fmla="*/ 5369859 w 5461299"/>
              <a:gd name="connsiteY0" fmla="*/ 429570 h 2656745"/>
              <a:gd name="connsiteX1" fmla="*/ 5369859 w 5461299"/>
              <a:gd name="connsiteY1" fmla="*/ 2470693 h 2656745"/>
              <a:gd name="connsiteX2" fmla="*/ 5369859 w 5461299"/>
              <a:gd name="connsiteY2" fmla="*/ 2656745 h 2656745"/>
              <a:gd name="connsiteX3" fmla="*/ 5183807 w 5461299"/>
              <a:gd name="connsiteY3" fmla="*/ 2656745 h 2656745"/>
              <a:gd name="connsiteX4" fmla="*/ 186052 w 5461299"/>
              <a:gd name="connsiteY4" fmla="*/ 2656745 h 2656745"/>
              <a:gd name="connsiteX5" fmla="*/ 0 w 5461299"/>
              <a:gd name="connsiteY5" fmla="*/ 2656745 h 2656745"/>
              <a:gd name="connsiteX6" fmla="*/ 0 w 5461299"/>
              <a:gd name="connsiteY6" fmla="*/ 2470693 h 2656745"/>
              <a:gd name="connsiteX7" fmla="*/ 0 w 5461299"/>
              <a:gd name="connsiteY7" fmla="*/ 429570 h 2656745"/>
              <a:gd name="connsiteX8" fmla="*/ 0 w 5461299"/>
              <a:gd name="connsiteY8" fmla="*/ 186052 h 2656745"/>
              <a:gd name="connsiteX9" fmla="*/ 186052 w 5461299"/>
              <a:gd name="connsiteY9" fmla="*/ 0 h 2656745"/>
              <a:gd name="connsiteX10" fmla="*/ 662859 w 5461299"/>
              <a:gd name="connsiteY10" fmla="*/ 0 h 2656745"/>
              <a:gd name="connsiteX11" fmla="*/ 5183807 w 5461299"/>
              <a:gd name="connsiteY11" fmla="*/ 0 h 2656745"/>
              <a:gd name="connsiteX12" fmla="*/ 5369859 w 5461299"/>
              <a:gd name="connsiteY12" fmla="*/ 0 h 2656745"/>
              <a:gd name="connsiteX13" fmla="*/ 5461299 w 5461299"/>
              <a:gd name="connsiteY13" fmla="*/ 277492 h 2656745"/>
              <a:gd name="connsiteX0" fmla="*/ 5369859 w 5369859"/>
              <a:gd name="connsiteY0" fmla="*/ 429570 h 2656745"/>
              <a:gd name="connsiteX1" fmla="*/ 5369859 w 5369859"/>
              <a:gd name="connsiteY1" fmla="*/ 2470693 h 2656745"/>
              <a:gd name="connsiteX2" fmla="*/ 5369859 w 5369859"/>
              <a:gd name="connsiteY2" fmla="*/ 2656745 h 2656745"/>
              <a:gd name="connsiteX3" fmla="*/ 5183807 w 5369859"/>
              <a:gd name="connsiteY3" fmla="*/ 2656745 h 2656745"/>
              <a:gd name="connsiteX4" fmla="*/ 186052 w 5369859"/>
              <a:gd name="connsiteY4" fmla="*/ 2656745 h 2656745"/>
              <a:gd name="connsiteX5" fmla="*/ 0 w 5369859"/>
              <a:gd name="connsiteY5" fmla="*/ 2656745 h 2656745"/>
              <a:gd name="connsiteX6" fmla="*/ 0 w 5369859"/>
              <a:gd name="connsiteY6" fmla="*/ 2470693 h 2656745"/>
              <a:gd name="connsiteX7" fmla="*/ 0 w 5369859"/>
              <a:gd name="connsiteY7" fmla="*/ 429570 h 2656745"/>
              <a:gd name="connsiteX8" fmla="*/ 0 w 5369859"/>
              <a:gd name="connsiteY8" fmla="*/ 186052 h 2656745"/>
              <a:gd name="connsiteX9" fmla="*/ 186052 w 5369859"/>
              <a:gd name="connsiteY9" fmla="*/ 0 h 2656745"/>
              <a:gd name="connsiteX10" fmla="*/ 662859 w 5369859"/>
              <a:gd name="connsiteY10" fmla="*/ 0 h 2656745"/>
              <a:gd name="connsiteX11" fmla="*/ 5183807 w 5369859"/>
              <a:gd name="connsiteY11" fmla="*/ 0 h 2656745"/>
              <a:gd name="connsiteX12" fmla="*/ 5369859 w 5369859"/>
              <a:gd name="connsiteY12" fmla="*/ 0 h 2656745"/>
              <a:gd name="connsiteX0" fmla="*/ 5369859 w 5369859"/>
              <a:gd name="connsiteY0" fmla="*/ 2470693 h 2656745"/>
              <a:gd name="connsiteX1" fmla="*/ 5369859 w 5369859"/>
              <a:gd name="connsiteY1" fmla="*/ 2656745 h 2656745"/>
              <a:gd name="connsiteX2" fmla="*/ 5183807 w 5369859"/>
              <a:gd name="connsiteY2" fmla="*/ 2656745 h 2656745"/>
              <a:gd name="connsiteX3" fmla="*/ 186052 w 5369859"/>
              <a:gd name="connsiteY3" fmla="*/ 2656745 h 2656745"/>
              <a:gd name="connsiteX4" fmla="*/ 0 w 5369859"/>
              <a:gd name="connsiteY4" fmla="*/ 2656745 h 2656745"/>
              <a:gd name="connsiteX5" fmla="*/ 0 w 5369859"/>
              <a:gd name="connsiteY5" fmla="*/ 2470693 h 2656745"/>
              <a:gd name="connsiteX6" fmla="*/ 0 w 5369859"/>
              <a:gd name="connsiteY6" fmla="*/ 429570 h 2656745"/>
              <a:gd name="connsiteX7" fmla="*/ 0 w 5369859"/>
              <a:gd name="connsiteY7" fmla="*/ 186052 h 2656745"/>
              <a:gd name="connsiteX8" fmla="*/ 186052 w 5369859"/>
              <a:gd name="connsiteY8" fmla="*/ 0 h 2656745"/>
              <a:gd name="connsiteX9" fmla="*/ 662859 w 5369859"/>
              <a:gd name="connsiteY9" fmla="*/ 0 h 2656745"/>
              <a:gd name="connsiteX10" fmla="*/ 5183807 w 5369859"/>
              <a:gd name="connsiteY10" fmla="*/ 0 h 2656745"/>
              <a:gd name="connsiteX11" fmla="*/ 5369859 w 5369859"/>
              <a:gd name="connsiteY11" fmla="*/ 0 h 2656745"/>
              <a:gd name="connsiteX0" fmla="*/ 5369859 w 5369859"/>
              <a:gd name="connsiteY0" fmla="*/ 2656745 h 2656745"/>
              <a:gd name="connsiteX1" fmla="*/ 5183807 w 5369859"/>
              <a:gd name="connsiteY1" fmla="*/ 2656745 h 2656745"/>
              <a:gd name="connsiteX2" fmla="*/ 186052 w 5369859"/>
              <a:gd name="connsiteY2" fmla="*/ 2656745 h 2656745"/>
              <a:gd name="connsiteX3" fmla="*/ 0 w 5369859"/>
              <a:gd name="connsiteY3" fmla="*/ 2656745 h 2656745"/>
              <a:gd name="connsiteX4" fmla="*/ 0 w 5369859"/>
              <a:gd name="connsiteY4" fmla="*/ 2470693 h 2656745"/>
              <a:gd name="connsiteX5" fmla="*/ 0 w 5369859"/>
              <a:gd name="connsiteY5" fmla="*/ 429570 h 2656745"/>
              <a:gd name="connsiteX6" fmla="*/ 0 w 5369859"/>
              <a:gd name="connsiteY6" fmla="*/ 186052 h 2656745"/>
              <a:gd name="connsiteX7" fmla="*/ 186052 w 5369859"/>
              <a:gd name="connsiteY7" fmla="*/ 0 h 2656745"/>
              <a:gd name="connsiteX8" fmla="*/ 662859 w 5369859"/>
              <a:gd name="connsiteY8" fmla="*/ 0 h 2656745"/>
              <a:gd name="connsiteX9" fmla="*/ 5183807 w 5369859"/>
              <a:gd name="connsiteY9" fmla="*/ 0 h 2656745"/>
              <a:gd name="connsiteX10" fmla="*/ 5369859 w 5369859"/>
              <a:gd name="connsiteY10" fmla="*/ 0 h 2656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69859" h="2656745">
                <a:moveTo>
                  <a:pt x="5369859" y="2656745"/>
                </a:moveTo>
                <a:lnTo>
                  <a:pt x="5183807" y="2656745"/>
                </a:lnTo>
                <a:lnTo>
                  <a:pt x="186052" y="2656745"/>
                </a:lnTo>
                <a:lnTo>
                  <a:pt x="0" y="2656745"/>
                </a:lnTo>
                <a:lnTo>
                  <a:pt x="0" y="2470693"/>
                </a:lnTo>
                <a:lnTo>
                  <a:pt x="0" y="429570"/>
                </a:lnTo>
                <a:lnTo>
                  <a:pt x="0" y="186052"/>
                </a:lnTo>
                <a:cubicBezTo>
                  <a:pt x="0" y="83298"/>
                  <a:pt x="83298" y="0"/>
                  <a:pt x="186052" y="0"/>
                </a:cubicBezTo>
                <a:lnTo>
                  <a:pt x="662859" y="0"/>
                </a:lnTo>
                <a:lnTo>
                  <a:pt x="5183807" y="0"/>
                </a:lnTo>
                <a:lnTo>
                  <a:pt x="5369859"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Kombinationstegning: figur 13">
            <a:extLst>
              <a:ext uri="{FF2B5EF4-FFF2-40B4-BE49-F238E27FC236}">
                <a16:creationId xmlns:a16="http://schemas.microsoft.com/office/drawing/2014/main" id="{61B59AE7-8907-E8BA-4230-97D543C1BCA9}"/>
              </a:ext>
            </a:extLst>
          </p:cNvPr>
          <p:cNvSpPr/>
          <p:nvPr userDrawn="1"/>
        </p:nvSpPr>
        <p:spPr>
          <a:xfrm rot="16200000">
            <a:off x="10259919" y="2012391"/>
            <a:ext cx="3290420" cy="573738"/>
          </a:xfrm>
          <a:custGeom>
            <a:avLst/>
            <a:gdLst>
              <a:gd name="connsiteX0" fmla="*/ 3290420 w 3290420"/>
              <a:gd name="connsiteY0" fmla="*/ 137238 h 573739"/>
              <a:gd name="connsiteX1" fmla="*/ 3290420 w 3290420"/>
              <a:gd name="connsiteY1" fmla="*/ 436501 h 573739"/>
              <a:gd name="connsiteX2" fmla="*/ 3290420 w 3290420"/>
              <a:gd name="connsiteY2" fmla="*/ 436503 h 573739"/>
              <a:gd name="connsiteX3" fmla="*/ 3290420 w 3290420"/>
              <a:gd name="connsiteY3" fmla="*/ 573738 h 573739"/>
              <a:gd name="connsiteX4" fmla="*/ 3153187 w 3290420"/>
              <a:gd name="connsiteY4" fmla="*/ 573738 h 573739"/>
              <a:gd name="connsiteX5" fmla="*/ 3153182 w 3290420"/>
              <a:gd name="connsiteY5" fmla="*/ 573739 h 573739"/>
              <a:gd name="connsiteX6" fmla="*/ 137239 w 3290420"/>
              <a:gd name="connsiteY6" fmla="*/ 573739 h 573739"/>
              <a:gd name="connsiteX7" fmla="*/ 137234 w 3290420"/>
              <a:gd name="connsiteY7" fmla="*/ 573738 h 573739"/>
              <a:gd name="connsiteX8" fmla="*/ 0 w 3290420"/>
              <a:gd name="connsiteY8" fmla="*/ 573738 h 573739"/>
              <a:gd name="connsiteX9" fmla="*/ 0 w 3290420"/>
              <a:gd name="connsiteY9" fmla="*/ 296968 h 573739"/>
              <a:gd name="connsiteX10" fmla="*/ 1 w 3290420"/>
              <a:gd name="connsiteY10" fmla="*/ 296968 h 573739"/>
              <a:gd name="connsiteX11" fmla="*/ 1 w 3290420"/>
              <a:gd name="connsiteY11" fmla="*/ 137238 h 573739"/>
              <a:gd name="connsiteX12" fmla="*/ 137239 w 3290420"/>
              <a:gd name="connsiteY12" fmla="*/ 0 h 573739"/>
              <a:gd name="connsiteX13" fmla="*/ 3153182 w 3290420"/>
              <a:gd name="connsiteY13" fmla="*/ 0 h 573739"/>
              <a:gd name="connsiteX14" fmla="*/ 3290420 w 3290420"/>
              <a:gd name="connsiteY14" fmla="*/ 137238 h 573739"/>
              <a:gd name="connsiteX0" fmla="*/ 137234 w 3290420"/>
              <a:gd name="connsiteY0" fmla="*/ 573738 h 665178"/>
              <a:gd name="connsiteX1" fmla="*/ 0 w 3290420"/>
              <a:gd name="connsiteY1" fmla="*/ 573738 h 665178"/>
              <a:gd name="connsiteX2" fmla="*/ 0 w 3290420"/>
              <a:gd name="connsiteY2" fmla="*/ 296968 h 665178"/>
              <a:gd name="connsiteX3" fmla="*/ 1 w 3290420"/>
              <a:gd name="connsiteY3" fmla="*/ 296968 h 665178"/>
              <a:gd name="connsiteX4" fmla="*/ 1 w 3290420"/>
              <a:gd name="connsiteY4" fmla="*/ 137238 h 665178"/>
              <a:gd name="connsiteX5" fmla="*/ 137239 w 3290420"/>
              <a:gd name="connsiteY5" fmla="*/ 0 h 665178"/>
              <a:gd name="connsiteX6" fmla="*/ 3153182 w 3290420"/>
              <a:gd name="connsiteY6" fmla="*/ 0 h 665178"/>
              <a:gd name="connsiteX7" fmla="*/ 3290420 w 3290420"/>
              <a:gd name="connsiteY7" fmla="*/ 137238 h 665178"/>
              <a:gd name="connsiteX8" fmla="*/ 3290420 w 3290420"/>
              <a:gd name="connsiteY8" fmla="*/ 436501 h 665178"/>
              <a:gd name="connsiteX9" fmla="*/ 3290420 w 3290420"/>
              <a:gd name="connsiteY9" fmla="*/ 436503 h 665178"/>
              <a:gd name="connsiteX10" fmla="*/ 3290420 w 3290420"/>
              <a:gd name="connsiteY10" fmla="*/ 573738 h 665178"/>
              <a:gd name="connsiteX11" fmla="*/ 3153187 w 3290420"/>
              <a:gd name="connsiteY11" fmla="*/ 573738 h 665178"/>
              <a:gd name="connsiteX12" fmla="*/ 3153182 w 3290420"/>
              <a:gd name="connsiteY12" fmla="*/ 573739 h 665178"/>
              <a:gd name="connsiteX13" fmla="*/ 137239 w 3290420"/>
              <a:gd name="connsiteY13" fmla="*/ 573739 h 665178"/>
              <a:gd name="connsiteX14" fmla="*/ 228674 w 3290420"/>
              <a:gd name="connsiteY14" fmla="*/ 665178 h 665178"/>
              <a:gd name="connsiteX0" fmla="*/ 137234 w 3290420"/>
              <a:gd name="connsiteY0" fmla="*/ 573738 h 665178"/>
              <a:gd name="connsiteX1" fmla="*/ 0 w 3290420"/>
              <a:gd name="connsiteY1" fmla="*/ 573738 h 665178"/>
              <a:gd name="connsiteX2" fmla="*/ 0 w 3290420"/>
              <a:gd name="connsiteY2" fmla="*/ 296968 h 665178"/>
              <a:gd name="connsiteX3" fmla="*/ 1 w 3290420"/>
              <a:gd name="connsiteY3" fmla="*/ 296968 h 665178"/>
              <a:gd name="connsiteX4" fmla="*/ 1 w 3290420"/>
              <a:gd name="connsiteY4" fmla="*/ 137238 h 665178"/>
              <a:gd name="connsiteX5" fmla="*/ 137239 w 3290420"/>
              <a:gd name="connsiteY5" fmla="*/ 0 h 665178"/>
              <a:gd name="connsiteX6" fmla="*/ 3153182 w 3290420"/>
              <a:gd name="connsiteY6" fmla="*/ 0 h 665178"/>
              <a:gd name="connsiteX7" fmla="*/ 3290420 w 3290420"/>
              <a:gd name="connsiteY7" fmla="*/ 137238 h 665178"/>
              <a:gd name="connsiteX8" fmla="*/ 3290420 w 3290420"/>
              <a:gd name="connsiteY8" fmla="*/ 436501 h 665178"/>
              <a:gd name="connsiteX9" fmla="*/ 3290420 w 3290420"/>
              <a:gd name="connsiteY9" fmla="*/ 436503 h 665178"/>
              <a:gd name="connsiteX10" fmla="*/ 3290420 w 3290420"/>
              <a:gd name="connsiteY10" fmla="*/ 573738 h 665178"/>
              <a:gd name="connsiteX11" fmla="*/ 3153187 w 3290420"/>
              <a:gd name="connsiteY11" fmla="*/ 573738 h 665178"/>
              <a:gd name="connsiteX12" fmla="*/ 3153182 w 3290420"/>
              <a:gd name="connsiteY12" fmla="*/ 573739 h 665178"/>
              <a:gd name="connsiteX13" fmla="*/ 228674 w 3290420"/>
              <a:gd name="connsiteY13" fmla="*/ 665178 h 665178"/>
              <a:gd name="connsiteX0" fmla="*/ 137234 w 3290420"/>
              <a:gd name="connsiteY0" fmla="*/ 573738 h 573739"/>
              <a:gd name="connsiteX1" fmla="*/ 0 w 3290420"/>
              <a:gd name="connsiteY1" fmla="*/ 573738 h 573739"/>
              <a:gd name="connsiteX2" fmla="*/ 0 w 3290420"/>
              <a:gd name="connsiteY2" fmla="*/ 296968 h 573739"/>
              <a:gd name="connsiteX3" fmla="*/ 1 w 3290420"/>
              <a:gd name="connsiteY3" fmla="*/ 296968 h 573739"/>
              <a:gd name="connsiteX4" fmla="*/ 1 w 3290420"/>
              <a:gd name="connsiteY4" fmla="*/ 137238 h 573739"/>
              <a:gd name="connsiteX5" fmla="*/ 137239 w 3290420"/>
              <a:gd name="connsiteY5" fmla="*/ 0 h 573739"/>
              <a:gd name="connsiteX6" fmla="*/ 3153182 w 3290420"/>
              <a:gd name="connsiteY6" fmla="*/ 0 h 573739"/>
              <a:gd name="connsiteX7" fmla="*/ 3290420 w 3290420"/>
              <a:gd name="connsiteY7" fmla="*/ 137238 h 573739"/>
              <a:gd name="connsiteX8" fmla="*/ 3290420 w 3290420"/>
              <a:gd name="connsiteY8" fmla="*/ 436501 h 573739"/>
              <a:gd name="connsiteX9" fmla="*/ 3290420 w 3290420"/>
              <a:gd name="connsiteY9" fmla="*/ 436503 h 573739"/>
              <a:gd name="connsiteX10" fmla="*/ 3290420 w 3290420"/>
              <a:gd name="connsiteY10" fmla="*/ 573738 h 573739"/>
              <a:gd name="connsiteX11" fmla="*/ 3153187 w 3290420"/>
              <a:gd name="connsiteY11" fmla="*/ 573738 h 573739"/>
              <a:gd name="connsiteX12" fmla="*/ 3153182 w 3290420"/>
              <a:gd name="connsiteY12" fmla="*/ 573739 h 573739"/>
              <a:gd name="connsiteX0" fmla="*/ 0 w 3290420"/>
              <a:gd name="connsiteY0" fmla="*/ 573738 h 573739"/>
              <a:gd name="connsiteX1" fmla="*/ 0 w 3290420"/>
              <a:gd name="connsiteY1" fmla="*/ 296968 h 573739"/>
              <a:gd name="connsiteX2" fmla="*/ 1 w 3290420"/>
              <a:gd name="connsiteY2" fmla="*/ 296968 h 573739"/>
              <a:gd name="connsiteX3" fmla="*/ 1 w 3290420"/>
              <a:gd name="connsiteY3" fmla="*/ 137238 h 573739"/>
              <a:gd name="connsiteX4" fmla="*/ 137239 w 3290420"/>
              <a:gd name="connsiteY4" fmla="*/ 0 h 573739"/>
              <a:gd name="connsiteX5" fmla="*/ 3153182 w 3290420"/>
              <a:gd name="connsiteY5" fmla="*/ 0 h 573739"/>
              <a:gd name="connsiteX6" fmla="*/ 3290420 w 3290420"/>
              <a:gd name="connsiteY6" fmla="*/ 137238 h 573739"/>
              <a:gd name="connsiteX7" fmla="*/ 3290420 w 3290420"/>
              <a:gd name="connsiteY7" fmla="*/ 436501 h 573739"/>
              <a:gd name="connsiteX8" fmla="*/ 3290420 w 3290420"/>
              <a:gd name="connsiteY8" fmla="*/ 436503 h 573739"/>
              <a:gd name="connsiteX9" fmla="*/ 3290420 w 3290420"/>
              <a:gd name="connsiteY9" fmla="*/ 573738 h 573739"/>
              <a:gd name="connsiteX10" fmla="*/ 3153187 w 3290420"/>
              <a:gd name="connsiteY10" fmla="*/ 573738 h 573739"/>
              <a:gd name="connsiteX11" fmla="*/ 3153182 w 3290420"/>
              <a:gd name="connsiteY11" fmla="*/ 573739 h 573739"/>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3153182 w 3290420"/>
              <a:gd name="connsiteY5" fmla="*/ 0 h 573738"/>
              <a:gd name="connsiteX6" fmla="*/ 3290420 w 3290420"/>
              <a:gd name="connsiteY6" fmla="*/ 137238 h 573738"/>
              <a:gd name="connsiteX7" fmla="*/ 3290420 w 3290420"/>
              <a:gd name="connsiteY7" fmla="*/ 436501 h 573738"/>
              <a:gd name="connsiteX8" fmla="*/ 3290420 w 3290420"/>
              <a:gd name="connsiteY8" fmla="*/ 436503 h 573738"/>
              <a:gd name="connsiteX9" fmla="*/ 3290420 w 3290420"/>
              <a:gd name="connsiteY9" fmla="*/ 573738 h 573738"/>
              <a:gd name="connsiteX10" fmla="*/ 3153187 w 3290420"/>
              <a:gd name="connsiteY10" fmla="*/ 573738 h 573738"/>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3153182 w 3290420"/>
              <a:gd name="connsiteY5" fmla="*/ 0 h 573738"/>
              <a:gd name="connsiteX6" fmla="*/ 3290420 w 3290420"/>
              <a:gd name="connsiteY6" fmla="*/ 137238 h 573738"/>
              <a:gd name="connsiteX7" fmla="*/ 3290420 w 3290420"/>
              <a:gd name="connsiteY7" fmla="*/ 436501 h 573738"/>
              <a:gd name="connsiteX8" fmla="*/ 3290420 w 3290420"/>
              <a:gd name="connsiteY8" fmla="*/ 436503 h 573738"/>
              <a:gd name="connsiteX9" fmla="*/ 3290420 w 3290420"/>
              <a:gd name="connsiteY9" fmla="*/ 573738 h 5737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90420" h="573738">
                <a:moveTo>
                  <a:pt x="0" y="573738"/>
                </a:moveTo>
                <a:lnTo>
                  <a:pt x="0" y="296968"/>
                </a:lnTo>
                <a:lnTo>
                  <a:pt x="1" y="296968"/>
                </a:lnTo>
                <a:lnTo>
                  <a:pt x="1" y="137238"/>
                </a:lnTo>
                <a:cubicBezTo>
                  <a:pt x="1" y="61444"/>
                  <a:pt x="61445" y="0"/>
                  <a:pt x="137239" y="0"/>
                </a:cubicBezTo>
                <a:lnTo>
                  <a:pt x="3153182" y="0"/>
                </a:lnTo>
                <a:cubicBezTo>
                  <a:pt x="3228976" y="0"/>
                  <a:pt x="3290420" y="61444"/>
                  <a:pt x="3290420" y="137238"/>
                </a:cubicBezTo>
                <a:lnTo>
                  <a:pt x="3290420" y="436501"/>
                </a:lnTo>
                <a:lnTo>
                  <a:pt x="3290420" y="436503"/>
                </a:lnTo>
                <a:lnTo>
                  <a:pt x="3290420" y="57373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3" name="Kombinationstegning: figur 12">
            <a:extLst>
              <a:ext uri="{FF2B5EF4-FFF2-40B4-BE49-F238E27FC236}">
                <a16:creationId xmlns:a16="http://schemas.microsoft.com/office/drawing/2014/main" id="{48A5DC69-715C-A5CB-06D3-FD6482E72F48}"/>
              </a:ext>
            </a:extLst>
          </p:cNvPr>
          <p:cNvSpPr/>
          <p:nvPr userDrawn="1"/>
        </p:nvSpPr>
        <p:spPr>
          <a:xfrm rot="5400000">
            <a:off x="-527441" y="2744108"/>
            <a:ext cx="2656746" cy="1601868"/>
          </a:xfrm>
          <a:custGeom>
            <a:avLst/>
            <a:gdLst>
              <a:gd name="connsiteX0" fmla="*/ 0 w 2656746"/>
              <a:gd name="connsiteY0" fmla="*/ 1439807 h 1601868"/>
              <a:gd name="connsiteX1" fmla="*/ 0 w 2656746"/>
              <a:gd name="connsiteY1" fmla="*/ 162061 h 1601868"/>
              <a:gd name="connsiteX2" fmla="*/ 162061 w 2656746"/>
              <a:gd name="connsiteY2" fmla="*/ 0 h 1601868"/>
              <a:gd name="connsiteX3" fmla="*/ 2494683 w 2656746"/>
              <a:gd name="connsiteY3" fmla="*/ 0 h 1601868"/>
              <a:gd name="connsiteX4" fmla="*/ 2656744 w 2656746"/>
              <a:gd name="connsiteY4" fmla="*/ 162061 h 1601868"/>
              <a:gd name="connsiteX5" fmla="*/ 2656744 w 2656746"/>
              <a:gd name="connsiteY5" fmla="*/ 259006 h 1601868"/>
              <a:gd name="connsiteX6" fmla="*/ 2656746 w 2656746"/>
              <a:gd name="connsiteY6" fmla="*/ 259006 h 1601868"/>
              <a:gd name="connsiteX7" fmla="*/ 2656746 w 2656746"/>
              <a:gd name="connsiteY7" fmla="*/ 1601868 h 1601868"/>
              <a:gd name="connsiteX8" fmla="*/ 2494683 w 2656746"/>
              <a:gd name="connsiteY8" fmla="*/ 1601868 h 1601868"/>
              <a:gd name="connsiteX9" fmla="*/ 162061 w 2656746"/>
              <a:gd name="connsiteY9" fmla="*/ 1601868 h 1601868"/>
              <a:gd name="connsiteX10" fmla="*/ 2 w 2656746"/>
              <a:gd name="connsiteY10" fmla="*/ 1601868 h 1601868"/>
              <a:gd name="connsiteX11" fmla="*/ 2 w 2656746"/>
              <a:gd name="connsiteY11" fmla="*/ 1439817 h 1601868"/>
              <a:gd name="connsiteX0" fmla="*/ 2 w 2656746"/>
              <a:gd name="connsiteY0" fmla="*/ 1601868 h 1693308"/>
              <a:gd name="connsiteX1" fmla="*/ 2 w 2656746"/>
              <a:gd name="connsiteY1" fmla="*/ 1439817 h 1693308"/>
              <a:gd name="connsiteX2" fmla="*/ 0 w 2656746"/>
              <a:gd name="connsiteY2" fmla="*/ 1439807 h 1693308"/>
              <a:gd name="connsiteX3" fmla="*/ 0 w 2656746"/>
              <a:gd name="connsiteY3" fmla="*/ 162061 h 1693308"/>
              <a:gd name="connsiteX4" fmla="*/ 162061 w 2656746"/>
              <a:gd name="connsiteY4" fmla="*/ 0 h 1693308"/>
              <a:gd name="connsiteX5" fmla="*/ 2494683 w 2656746"/>
              <a:gd name="connsiteY5" fmla="*/ 0 h 1693308"/>
              <a:gd name="connsiteX6" fmla="*/ 2656744 w 2656746"/>
              <a:gd name="connsiteY6" fmla="*/ 162061 h 1693308"/>
              <a:gd name="connsiteX7" fmla="*/ 2656744 w 2656746"/>
              <a:gd name="connsiteY7" fmla="*/ 259006 h 1693308"/>
              <a:gd name="connsiteX8" fmla="*/ 2656746 w 2656746"/>
              <a:gd name="connsiteY8" fmla="*/ 259006 h 1693308"/>
              <a:gd name="connsiteX9" fmla="*/ 2656746 w 2656746"/>
              <a:gd name="connsiteY9" fmla="*/ 1601868 h 1693308"/>
              <a:gd name="connsiteX10" fmla="*/ 2494683 w 2656746"/>
              <a:gd name="connsiteY10" fmla="*/ 1601868 h 1693308"/>
              <a:gd name="connsiteX11" fmla="*/ 162061 w 2656746"/>
              <a:gd name="connsiteY11" fmla="*/ 1601868 h 1693308"/>
              <a:gd name="connsiteX12" fmla="*/ 91442 w 2656746"/>
              <a:gd name="connsiteY12" fmla="*/ 1693308 h 169330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11" fmla="*/ 162061 w 2656746"/>
              <a:gd name="connsiteY11"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56746" h="1601868">
                <a:moveTo>
                  <a:pt x="2" y="1601868"/>
                </a:moveTo>
                <a:lnTo>
                  <a:pt x="2" y="1439817"/>
                </a:lnTo>
                <a:cubicBezTo>
                  <a:pt x="1" y="1439814"/>
                  <a:pt x="1" y="1439810"/>
                  <a:pt x="0" y="1439807"/>
                </a:cubicBezTo>
                <a:lnTo>
                  <a:pt x="0" y="162061"/>
                </a:lnTo>
                <a:cubicBezTo>
                  <a:pt x="0" y="72557"/>
                  <a:pt x="72557" y="0"/>
                  <a:pt x="162061" y="0"/>
                </a:cubicBezTo>
                <a:lnTo>
                  <a:pt x="2494683" y="0"/>
                </a:lnTo>
                <a:cubicBezTo>
                  <a:pt x="2584187" y="0"/>
                  <a:pt x="2656744" y="72557"/>
                  <a:pt x="2656744" y="162061"/>
                </a:cubicBezTo>
                <a:lnTo>
                  <a:pt x="2656744" y="259006"/>
                </a:lnTo>
                <a:lnTo>
                  <a:pt x="2656746" y="259006"/>
                </a:lnTo>
                <a:lnTo>
                  <a:pt x="2656746" y="160186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7" name="Freeform: Shape 79">
            <a:extLst>
              <a:ext uri="{FF2B5EF4-FFF2-40B4-BE49-F238E27FC236}">
                <a16:creationId xmlns:a16="http://schemas.microsoft.com/office/drawing/2014/main" id="{441A6F05-6F6E-988B-FA5B-FB1CCAE99F15}"/>
              </a:ext>
            </a:extLst>
          </p:cNvPr>
          <p:cNvSpPr/>
          <p:nvPr userDrawn="1"/>
        </p:nvSpPr>
        <p:spPr>
          <a:xfrm rot="5400000">
            <a:off x="-1016912" y="2810669"/>
            <a:ext cx="1740665" cy="6383726"/>
          </a:xfrm>
          <a:custGeom>
            <a:avLst/>
            <a:gdLst>
              <a:gd name="connsiteX0" fmla="*/ 0 w 1740665"/>
              <a:gd name="connsiteY0" fmla="*/ 6383726 h 6559829"/>
              <a:gd name="connsiteX1" fmla="*/ 0 w 1740665"/>
              <a:gd name="connsiteY1" fmla="*/ 176104 h 6559829"/>
              <a:gd name="connsiteX2" fmla="*/ 176103 w 1740665"/>
              <a:gd name="connsiteY2" fmla="*/ 1 h 6559829"/>
              <a:gd name="connsiteX3" fmla="*/ 566238 w 1740665"/>
              <a:gd name="connsiteY3" fmla="*/ 1 h 6559829"/>
              <a:gd name="connsiteX4" fmla="*/ 566238 w 1740665"/>
              <a:gd name="connsiteY4" fmla="*/ 0 h 6559829"/>
              <a:gd name="connsiteX5" fmla="*/ 1740665 w 1740665"/>
              <a:gd name="connsiteY5" fmla="*/ 0 h 6559829"/>
              <a:gd name="connsiteX6" fmla="*/ 1740665 w 1740665"/>
              <a:gd name="connsiteY6" fmla="*/ 6551498 h 6559829"/>
              <a:gd name="connsiteX7" fmla="*/ 1605825 w 1740665"/>
              <a:gd name="connsiteY7" fmla="*/ 6551498 h 6559829"/>
              <a:gd name="connsiteX8" fmla="*/ 1564562 w 1740665"/>
              <a:gd name="connsiteY8" fmla="*/ 6559829 h 6559829"/>
              <a:gd name="connsiteX9" fmla="*/ 176103 w 1740665"/>
              <a:gd name="connsiteY9" fmla="*/ 6559829 h 6559829"/>
              <a:gd name="connsiteX10" fmla="*/ 0 w 1740665"/>
              <a:gd name="connsiteY10" fmla="*/ 6383726 h 6559829"/>
              <a:gd name="connsiteX0" fmla="*/ 1740665 w 1832105"/>
              <a:gd name="connsiteY0" fmla="*/ 6551498 h 6642938"/>
              <a:gd name="connsiteX1" fmla="*/ 1605825 w 1832105"/>
              <a:gd name="connsiteY1" fmla="*/ 6551498 h 6642938"/>
              <a:gd name="connsiteX2" fmla="*/ 1564562 w 1832105"/>
              <a:gd name="connsiteY2" fmla="*/ 6559829 h 6642938"/>
              <a:gd name="connsiteX3" fmla="*/ 176103 w 1832105"/>
              <a:gd name="connsiteY3" fmla="*/ 6559829 h 6642938"/>
              <a:gd name="connsiteX4" fmla="*/ 0 w 1832105"/>
              <a:gd name="connsiteY4" fmla="*/ 6383726 h 6642938"/>
              <a:gd name="connsiteX5" fmla="*/ 0 w 1832105"/>
              <a:gd name="connsiteY5" fmla="*/ 176104 h 6642938"/>
              <a:gd name="connsiteX6" fmla="*/ 176103 w 1832105"/>
              <a:gd name="connsiteY6" fmla="*/ 1 h 6642938"/>
              <a:gd name="connsiteX7" fmla="*/ 566238 w 1832105"/>
              <a:gd name="connsiteY7" fmla="*/ 1 h 6642938"/>
              <a:gd name="connsiteX8" fmla="*/ 566238 w 1832105"/>
              <a:gd name="connsiteY8" fmla="*/ 0 h 6642938"/>
              <a:gd name="connsiteX9" fmla="*/ 1740665 w 1832105"/>
              <a:gd name="connsiteY9" fmla="*/ 0 h 6642938"/>
              <a:gd name="connsiteX10" fmla="*/ 1832105 w 1832105"/>
              <a:gd name="connsiteY10" fmla="*/ 6642938 h 6642938"/>
              <a:gd name="connsiteX0" fmla="*/ 1740665 w 1740665"/>
              <a:gd name="connsiteY0" fmla="*/ 6551498 h 6559829"/>
              <a:gd name="connsiteX1" fmla="*/ 1605825 w 1740665"/>
              <a:gd name="connsiteY1" fmla="*/ 6551498 h 6559829"/>
              <a:gd name="connsiteX2" fmla="*/ 1564562 w 1740665"/>
              <a:gd name="connsiteY2" fmla="*/ 6559829 h 6559829"/>
              <a:gd name="connsiteX3" fmla="*/ 176103 w 1740665"/>
              <a:gd name="connsiteY3" fmla="*/ 6559829 h 6559829"/>
              <a:gd name="connsiteX4" fmla="*/ 0 w 1740665"/>
              <a:gd name="connsiteY4" fmla="*/ 6383726 h 6559829"/>
              <a:gd name="connsiteX5" fmla="*/ 0 w 1740665"/>
              <a:gd name="connsiteY5" fmla="*/ 176104 h 6559829"/>
              <a:gd name="connsiteX6" fmla="*/ 176103 w 1740665"/>
              <a:gd name="connsiteY6" fmla="*/ 1 h 6559829"/>
              <a:gd name="connsiteX7" fmla="*/ 566238 w 1740665"/>
              <a:gd name="connsiteY7" fmla="*/ 1 h 6559829"/>
              <a:gd name="connsiteX8" fmla="*/ 566238 w 1740665"/>
              <a:gd name="connsiteY8" fmla="*/ 0 h 6559829"/>
              <a:gd name="connsiteX9" fmla="*/ 1740665 w 1740665"/>
              <a:gd name="connsiteY9" fmla="*/ 0 h 6559829"/>
              <a:gd name="connsiteX0" fmla="*/ 1605825 w 1740665"/>
              <a:gd name="connsiteY0" fmla="*/ 6551498 h 6559829"/>
              <a:gd name="connsiteX1" fmla="*/ 1564562 w 1740665"/>
              <a:gd name="connsiteY1" fmla="*/ 6559829 h 6559829"/>
              <a:gd name="connsiteX2" fmla="*/ 176103 w 1740665"/>
              <a:gd name="connsiteY2" fmla="*/ 6559829 h 6559829"/>
              <a:gd name="connsiteX3" fmla="*/ 0 w 1740665"/>
              <a:gd name="connsiteY3" fmla="*/ 6383726 h 6559829"/>
              <a:gd name="connsiteX4" fmla="*/ 0 w 1740665"/>
              <a:gd name="connsiteY4" fmla="*/ 176104 h 6559829"/>
              <a:gd name="connsiteX5" fmla="*/ 176103 w 1740665"/>
              <a:gd name="connsiteY5" fmla="*/ 1 h 6559829"/>
              <a:gd name="connsiteX6" fmla="*/ 566238 w 1740665"/>
              <a:gd name="connsiteY6" fmla="*/ 1 h 6559829"/>
              <a:gd name="connsiteX7" fmla="*/ 566238 w 1740665"/>
              <a:gd name="connsiteY7" fmla="*/ 0 h 6559829"/>
              <a:gd name="connsiteX8" fmla="*/ 1740665 w 1740665"/>
              <a:gd name="connsiteY8" fmla="*/ 0 h 6559829"/>
              <a:gd name="connsiteX0" fmla="*/ 1605825 w 1740665"/>
              <a:gd name="connsiteY0" fmla="*/ 6551498 h 6559829"/>
              <a:gd name="connsiteX1" fmla="*/ 176103 w 1740665"/>
              <a:gd name="connsiteY1" fmla="*/ 6559829 h 6559829"/>
              <a:gd name="connsiteX2" fmla="*/ 0 w 1740665"/>
              <a:gd name="connsiteY2" fmla="*/ 6383726 h 6559829"/>
              <a:gd name="connsiteX3" fmla="*/ 0 w 1740665"/>
              <a:gd name="connsiteY3" fmla="*/ 176104 h 6559829"/>
              <a:gd name="connsiteX4" fmla="*/ 176103 w 1740665"/>
              <a:gd name="connsiteY4" fmla="*/ 1 h 6559829"/>
              <a:gd name="connsiteX5" fmla="*/ 566238 w 1740665"/>
              <a:gd name="connsiteY5" fmla="*/ 1 h 6559829"/>
              <a:gd name="connsiteX6" fmla="*/ 566238 w 1740665"/>
              <a:gd name="connsiteY6" fmla="*/ 0 h 6559829"/>
              <a:gd name="connsiteX7" fmla="*/ 1740665 w 1740665"/>
              <a:gd name="connsiteY7" fmla="*/ 0 h 6559829"/>
              <a:gd name="connsiteX0" fmla="*/ 176103 w 1740665"/>
              <a:gd name="connsiteY0" fmla="*/ 6559829 h 6559829"/>
              <a:gd name="connsiteX1" fmla="*/ 0 w 1740665"/>
              <a:gd name="connsiteY1" fmla="*/ 6383726 h 6559829"/>
              <a:gd name="connsiteX2" fmla="*/ 0 w 1740665"/>
              <a:gd name="connsiteY2" fmla="*/ 176104 h 6559829"/>
              <a:gd name="connsiteX3" fmla="*/ 176103 w 1740665"/>
              <a:gd name="connsiteY3" fmla="*/ 1 h 6559829"/>
              <a:gd name="connsiteX4" fmla="*/ 566238 w 1740665"/>
              <a:gd name="connsiteY4" fmla="*/ 1 h 6559829"/>
              <a:gd name="connsiteX5" fmla="*/ 566238 w 1740665"/>
              <a:gd name="connsiteY5" fmla="*/ 0 h 6559829"/>
              <a:gd name="connsiteX6" fmla="*/ 1740665 w 1740665"/>
              <a:gd name="connsiteY6" fmla="*/ 0 h 6559829"/>
              <a:gd name="connsiteX0" fmla="*/ 0 w 1740665"/>
              <a:gd name="connsiteY0" fmla="*/ 6383726 h 6383726"/>
              <a:gd name="connsiteX1" fmla="*/ 0 w 1740665"/>
              <a:gd name="connsiteY1" fmla="*/ 176104 h 6383726"/>
              <a:gd name="connsiteX2" fmla="*/ 176103 w 1740665"/>
              <a:gd name="connsiteY2" fmla="*/ 1 h 6383726"/>
              <a:gd name="connsiteX3" fmla="*/ 566238 w 1740665"/>
              <a:gd name="connsiteY3" fmla="*/ 1 h 6383726"/>
              <a:gd name="connsiteX4" fmla="*/ 566238 w 1740665"/>
              <a:gd name="connsiteY4" fmla="*/ 0 h 6383726"/>
              <a:gd name="connsiteX5" fmla="*/ 1740665 w 1740665"/>
              <a:gd name="connsiteY5" fmla="*/ 0 h 6383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40665" h="6383726">
                <a:moveTo>
                  <a:pt x="0" y="6383726"/>
                </a:moveTo>
                <a:lnTo>
                  <a:pt x="0" y="176104"/>
                </a:lnTo>
                <a:cubicBezTo>
                  <a:pt x="0" y="78845"/>
                  <a:pt x="78844" y="1"/>
                  <a:pt x="176103" y="1"/>
                </a:cubicBezTo>
                <a:lnTo>
                  <a:pt x="566238" y="1"/>
                </a:lnTo>
                <a:lnTo>
                  <a:pt x="566238" y="0"/>
                </a:lnTo>
                <a:lnTo>
                  <a:pt x="174066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176789" cy="1548000"/>
          </a:xfrm>
        </p:spPr>
        <p:txBody>
          <a:bodyPr anchor="t" anchorCtr="0"/>
          <a:lstStyle>
            <a:lvl1pPr algn="l">
              <a:defRPr sz="4800">
                <a:solidFill>
                  <a:schemeClr val="bg1"/>
                </a:solidFill>
              </a:defRPr>
            </a:lvl1pPr>
          </a:lstStyle>
          <a:p>
            <a:r>
              <a:rPr lang="da-DK" dirty="0"/>
              <a:t>Klik for at indsætte overskrift – max. to linjer</a:t>
            </a:r>
          </a:p>
        </p:txBody>
      </p:sp>
      <p:grpSp>
        <p:nvGrpSpPr>
          <p:cNvPr id="37" name="Group 58">
            <a:extLst>
              <a:ext uri="{FF2B5EF4-FFF2-40B4-BE49-F238E27FC236}">
                <a16:creationId xmlns:a16="http://schemas.microsoft.com/office/drawing/2014/main" id="{BAF1B47A-B759-092B-B58C-CBC2E7A498FA}"/>
              </a:ext>
            </a:extLst>
          </p:cNvPr>
          <p:cNvGrpSpPr/>
          <p:nvPr userDrawn="1"/>
        </p:nvGrpSpPr>
        <p:grpSpPr>
          <a:xfrm>
            <a:off x="1857489" y="3761682"/>
            <a:ext cx="1817000" cy="1111735"/>
            <a:chOff x="7918183" y="1759240"/>
            <a:chExt cx="1670583" cy="1532511"/>
          </a:xfrm>
          <a:solidFill>
            <a:srgbClr val="38025C"/>
          </a:solidFill>
        </p:grpSpPr>
        <p:sp>
          <p:nvSpPr>
            <p:cNvPr id="38" name="Rectangle: Rounded Corners 59">
              <a:extLst>
                <a:ext uri="{FF2B5EF4-FFF2-40B4-BE49-F238E27FC236}">
                  <a16:creationId xmlns:a16="http://schemas.microsoft.com/office/drawing/2014/main" id="{E41337C5-2DC8-08C4-A54E-AC76FBAE472B}"/>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39" name="Rectangle 60">
              <a:extLst>
                <a:ext uri="{FF2B5EF4-FFF2-40B4-BE49-F238E27FC236}">
                  <a16:creationId xmlns:a16="http://schemas.microsoft.com/office/drawing/2014/main" id="{C0501B15-3976-4459-60C3-51010BD5C331}"/>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0" name="Group 58">
            <a:extLst>
              <a:ext uri="{FF2B5EF4-FFF2-40B4-BE49-F238E27FC236}">
                <a16:creationId xmlns:a16="http://schemas.microsoft.com/office/drawing/2014/main" id="{8BAF4F7A-302A-90D9-CC50-4F1CCE096C98}"/>
              </a:ext>
            </a:extLst>
          </p:cNvPr>
          <p:cNvGrpSpPr/>
          <p:nvPr userDrawn="1"/>
        </p:nvGrpSpPr>
        <p:grpSpPr>
          <a:xfrm>
            <a:off x="1857489" y="3761682"/>
            <a:ext cx="1817000" cy="1111735"/>
            <a:chOff x="7918183" y="1759240"/>
            <a:chExt cx="1670583" cy="1532511"/>
          </a:xfrm>
          <a:solidFill>
            <a:srgbClr val="38025C"/>
          </a:solidFill>
        </p:grpSpPr>
        <p:sp>
          <p:nvSpPr>
            <p:cNvPr id="41" name="Rectangle: Rounded Corners 59">
              <a:extLst>
                <a:ext uri="{FF2B5EF4-FFF2-40B4-BE49-F238E27FC236}">
                  <a16:creationId xmlns:a16="http://schemas.microsoft.com/office/drawing/2014/main" id="{7F495901-2FCD-935E-864C-FB7723FCF613}"/>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42" name="Rectangle 60">
              <a:extLst>
                <a:ext uri="{FF2B5EF4-FFF2-40B4-BE49-F238E27FC236}">
                  <a16:creationId xmlns:a16="http://schemas.microsoft.com/office/drawing/2014/main" id="{CD65BFB9-081F-8714-5D14-70639F227398}"/>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3" name="Gruppe 11">
            <a:extLst>
              <a:ext uri="{FF2B5EF4-FFF2-40B4-BE49-F238E27FC236}">
                <a16:creationId xmlns:a16="http://schemas.microsoft.com/office/drawing/2014/main" id="{E72A7556-80CC-2D94-7BE4-48D508531CA0}"/>
              </a:ext>
            </a:extLst>
          </p:cNvPr>
          <p:cNvGrpSpPr/>
          <p:nvPr userDrawn="1"/>
        </p:nvGrpSpPr>
        <p:grpSpPr>
          <a:xfrm>
            <a:off x="9544636" y="2653551"/>
            <a:ext cx="1818002" cy="1290917"/>
            <a:chOff x="9525589" y="2653551"/>
            <a:chExt cx="1818002" cy="1290917"/>
          </a:xfrm>
          <a:solidFill>
            <a:srgbClr val="38025C"/>
          </a:solidFill>
        </p:grpSpPr>
        <p:sp>
          <p:nvSpPr>
            <p:cNvPr id="44" name="Kombinationstegning: figur 10">
              <a:extLst>
                <a:ext uri="{FF2B5EF4-FFF2-40B4-BE49-F238E27FC236}">
                  <a16:creationId xmlns:a16="http://schemas.microsoft.com/office/drawing/2014/main" id="{18C7E34A-422F-43B2-82D4-5A50020F9A29}"/>
                </a:ext>
              </a:extLst>
            </p:cNvPr>
            <p:cNvSpPr/>
            <p:nvPr/>
          </p:nvSpPr>
          <p:spPr>
            <a:xfrm rot="10800000">
              <a:off x="9525589" y="2653551"/>
              <a:ext cx="1818000" cy="1290917"/>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45" name="Kombinationstegning: figur 5">
              <a:extLst>
                <a:ext uri="{FF2B5EF4-FFF2-40B4-BE49-F238E27FC236}">
                  <a16:creationId xmlns:a16="http://schemas.microsoft.com/office/drawing/2014/main" id="{4C4CBFA9-708B-05EB-2E3E-A65BFBDA16C2}"/>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grpSp>
        <p:nvGrpSpPr>
          <p:cNvPr id="46" name="Gruppe 11">
            <a:extLst>
              <a:ext uri="{FF2B5EF4-FFF2-40B4-BE49-F238E27FC236}">
                <a16:creationId xmlns:a16="http://schemas.microsoft.com/office/drawing/2014/main" id="{DBDAE1EB-8CD4-81B7-FC29-CDDDCE37D48B}"/>
              </a:ext>
            </a:extLst>
          </p:cNvPr>
          <p:cNvGrpSpPr/>
          <p:nvPr userDrawn="1"/>
        </p:nvGrpSpPr>
        <p:grpSpPr>
          <a:xfrm>
            <a:off x="9544636" y="2236384"/>
            <a:ext cx="1818002" cy="1401760"/>
            <a:chOff x="9525589" y="2653550"/>
            <a:chExt cx="1818002" cy="1401760"/>
          </a:xfrm>
          <a:solidFill>
            <a:srgbClr val="38025C"/>
          </a:solidFill>
        </p:grpSpPr>
        <p:sp>
          <p:nvSpPr>
            <p:cNvPr id="51" name="Kombinationstegning: figur 10">
              <a:extLst>
                <a:ext uri="{FF2B5EF4-FFF2-40B4-BE49-F238E27FC236}">
                  <a16:creationId xmlns:a16="http://schemas.microsoft.com/office/drawing/2014/main" id="{220EA7B0-5403-836C-6F99-E2E4D14A708D}"/>
                </a:ext>
              </a:extLst>
            </p:cNvPr>
            <p:cNvSpPr/>
            <p:nvPr/>
          </p:nvSpPr>
          <p:spPr>
            <a:xfrm rot="10800000">
              <a:off x="9525589" y="2653550"/>
              <a:ext cx="1818000" cy="1401760"/>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52" name="Kombinationstegning: figur 5">
              <a:extLst>
                <a:ext uri="{FF2B5EF4-FFF2-40B4-BE49-F238E27FC236}">
                  <a16:creationId xmlns:a16="http://schemas.microsoft.com/office/drawing/2014/main" id="{D85D167A-12E0-BF65-AC24-439FAC92329B}"/>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sp>
        <p:nvSpPr>
          <p:cNvPr id="4" name="TextBox 16">
            <a:extLst>
              <a:ext uri="{FF2B5EF4-FFF2-40B4-BE49-F238E27FC236}">
                <a16:creationId xmlns:a16="http://schemas.microsoft.com/office/drawing/2014/main" id="{2AE2448E-0C0D-3BFF-E7A8-4BD44732D48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p>
        </p:txBody>
      </p:sp>
      <p:pic>
        <p:nvPicPr>
          <p:cNvPr id="3" name="Dynamic cover logo hvid" descr="{&quot;templafy&quot;:{&quot;id&quot;:&quot;43b16df3-2e2a-4d8d-bbb5-7c890c5a356a&quot;}}">
            <a:extLst>
              <a:ext uri="{FF2B5EF4-FFF2-40B4-BE49-F238E27FC236}">
                <a16:creationId xmlns:a16="http://schemas.microsoft.com/office/drawing/2014/main" id="{42471F06-A796-FDF8-0F66-F5CFE8D1E8C8}"/>
              </a:ext>
            </a:extLst>
          </p:cNvPr>
          <p:cNvPicPr>
            <a:picLocks noChangeAspect="1"/>
          </p:cNvPicPr>
          <p:nvPr userDrawn="1"/>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3689267928"/>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6000"/>
                                  </p:stCondLst>
                                  <p:childTnLst>
                                    <p:animMotion origin="layout" path="M -8.33333E-7 -1.48148E-6 L 0.21224 -1.48148E-6 " pathEditMode="relative" rAng="0" ptsTypes="AA">
                                      <p:cBhvr>
                                        <p:cTn id="6" dur="5000" fill="hold"/>
                                        <p:tgtEl>
                                          <p:spTgt spid="47"/>
                                        </p:tgtEl>
                                        <p:attrNameLst>
                                          <p:attrName>ppt_x</p:attrName>
                                          <p:attrName>ppt_y</p:attrName>
                                        </p:attrNameLst>
                                      </p:cBhvr>
                                      <p:rCtr x="10612" y="0"/>
                                    </p:animMotion>
                                  </p:childTnLst>
                                </p:cTn>
                              </p:par>
                              <p:par>
                                <p:cTn id="7" presetID="64" presetClass="path" presetSubtype="0" repeatCount="indefinite" accel="50000" decel="50000" autoRev="1" fill="hold" nodeType="withEffect">
                                  <p:stCondLst>
                                    <p:cond delay="1700"/>
                                  </p:stCondLst>
                                  <p:childTnLst>
                                    <p:animMotion origin="layout" path="M -1.875E-6 -7.40741E-7 L -1.875E-6 -0.09699 " pathEditMode="relative" rAng="0" ptsTypes="AA">
                                      <p:cBhvr>
                                        <p:cTn id="8" dur="6750" fill="hold"/>
                                        <p:tgtEl>
                                          <p:spTgt spid="46"/>
                                        </p:tgtEl>
                                        <p:attrNameLst>
                                          <p:attrName>ppt_x</p:attrName>
                                          <p:attrName>ppt_y</p:attrName>
                                        </p:attrNameLst>
                                      </p:cBhvr>
                                      <p:rCtr x="0" y="-4861"/>
                                    </p:animMotion>
                                  </p:childTnLst>
                                </p:cTn>
                              </p:par>
                              <p:par>
                                <p:cTn id="9" presetID="64" presetClass="path" presetSubtype="0" repeatCount="indefinite" accel="50000" decel="50000" autoRev="1" fill="hold" nodeType="withEffect">
                                  <p:stCondLst>
                                    <p:cond delay="2300"/>
                                  </p:stCondLst>
                                  <p:childTnLst>
                                    <p:animMotion origin="layout" path="M -1.875E-6 1.48148E-6 L -1.875E-6 -0.02917 " pathEditMode="relative" rAng="0" ptsTypes="AA">
                                      <p:cBhvr>
                                        <p:cTn id="10" dur="6750" fill="hold"/>
                                        <p:tgtEl>
                                          <p:spTgt spid="43"/>
                                        </p:tgtEl>
                                        <p:attrNameLst>
                                          <p:attrName>ppt_x</p:attrName>
                                          <p:attrName>ppt_y</p:attrName>
                                        </p:attrNameLst>
                                      </p:cBhvr>
                                      <p:rCtr x="0" y="-1458"/>
                                    </p:animMotion>
                                  </p:childTnLst>
                                </p:cTn>
                              </p:par>
                              <p:par>
                                <p:cTn id="11" presetID="42" presetClass="path" presetSubtype="0" repeatCount="indefinite" accel="50000" decel="50000" autoRev="1" fill="hold" nodeType="withEffect">
                                  <p:stCondLst>
                                    <p:cond delay="0"/>
                                  </p:stCondLst>
                                  <p:childTnLst>
                                    <p:animMotion origin="layout" path="M -2.91667E-6 3.7037E-7 L 0.05742 3.7037E-7 " pathEditMode="relative" rAng="0" ptsTypes="AA">
                                      <p:cBhvr>
                                        <p:cTn id="12" dur="6750" fill="hold"/>
                                        <p:tgtEl>
                                          <p:spTgt spid="40"/>
                                        </p:tgtEl>
                                        <p:attrNameLst>
                                          <p:attrName>ppt_x</p:attrName>
                                          <p:attrName>ppt_y</p:attrName>
                                        </p:attrNameLst>
                                      </p:cBhvr>
                                      <p:rCtr x="286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7" grpId="0" animBg="1"/>
    </p:bldLst>
  </p:timing>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Agenda A">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8FC84352-D824-4ADF-B67A-AA51ABA71A56}" type="datetime2">
              <a:rPr lang="da-DK" smtClean="0"/>
              <a:t>30. maj 2025</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tx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669625" cy="4006800"/>
          </a:xfrm>
        </p:spPr>
        <p:txBody>
          <a:bodyPr/>
          <a:lstStyle>
            <a:lvl1pPr marL="0" indent="0">
              <a:lnSpc>
                <a:spcPts val="4400"/>
              </a:lnSpc>
              <a:spcAft>
                <a:spcPts val="0"/>
              </a:spcAft>
              <a:buFont typeface="Arial" panose="020B0604020202020204" pitchFamily="34" charset="0"/>
              <a:buChar char="​"/>
              <a:defRPr sz="4000" b="0">
                <a:solidFill>
                  <a:schemeClr val="tx1"/>
                </a:solidFill>
              </a:defRPr>
            </a:lvl1pPr>
            <a:lvl2pPr marL="0" indent="0">
              <a:lnSpc>
                <a:spcPts val="4400"/>
              </a:lnSpc>
              <a:spcAft>
                <a:spcPts val="0"/>
              </a:spcAft>
              <a:buFont typeface="Arial" panose="020B0604020202020204" pitchFamily="34" charset="0"/>
              <a:buChar char="​"/>
              <a:defRPr sz="4000" b="0">
                <a:solidFill>
                  <a:schemeClr val="tx1"/>
                </a:solidFill>
              </a:defRPr>
            </a:lvl2pPr>
            <a:lvl3pPr marL="0" indent="0">
              <a:lnSpc>
                <a:spcPts val="4400"/>
              </a:lnSpc>
              <a:spcAft>
                <a:spcPts val="0"/>
              </a:spcAft>
              <a:buFont typeface="Arial" panose="020B0604020202020204" pitchFamily="34" charset="0"/>
              <a:buChar char="​"/>
              <a:defRPr sz="4000" b="0">
                <a:solidFill>
                  <a:schemeClr val="tx1"/>
                </a:solidFill>
              </a:defRPr>
            </a:lvl3pPr>
            <a:lvl4pPr>
              <a:lnSpc>
                <a:spcPts val="4400"/>
              </a:lnSpc>
              <a:spcAft>
                <a:spcPts val="0"/>
              </a:spcAft>
              <a:buFont typeface="Arial" panose="020B0604020202020204" pitchFamily="34" charset="0"/>
              <a:buChar char="​"/>
              <a:defRPr sz="4000" b="0">
                <a:solidFill>
                  <a:schemeClr val="tx1"/>
                </a:solidFill>
              </a:defRPr>
            </a:lvl4pPr>
            <a:lvl5pPr>
              <a:lnSpc>
                <a:spcPts val="4400"/>
              </a:lnSpc>
              <a:spcAft>
                <a:spcPts val="0"/>
              </a:spcAft>
              <a:buFont typeface="Arial" panose="020B0604020202020204" pitchFamily="34" charset="0"/>
              <a:buChar char="​"/>
              <a:defRPr sz="4000" b="0">
                <a:solidFill>
                  <a:schemeClr val="tx1"/>
                </a:solidFill>
              </a:defRPr>
            </a:lvl5pPr>
            <a:lvl6pPr marL="0" indent="0">
              <a:lnSpc>
                <a:spcPts val="4400"/>
              </a:lnSpc>
              <a:spcAft>
                <a:spcPts val="0"/>
              </a:spcAft>
              <a:buFont typeface="Arial" panose="020B0604020202020204" pitchFamily="34" charset="0"/>
              <a:buChar char="​"/>
              <a:defRPr sz="4000" b="0">
                <a:solidFill>
                  <a:schemeClr val="tx1"/>
                </a:solidFill>
              </a:defRPr>
            </a:lvl6pPr>
            <a:lvl7pPr>
              <a:lnSpc>
                <a:spcPts val="4400"/>
              </a:lnSpc>
              <a:spcAft>
                <a:spcPts val="0"/>
              </a:spcAft>
              <a:defRPr sz="4000" b="0">
                <a:solidFill>
                  <a:schemeClr val="tx1"/>
                </a:solidFill>
              </a:defRPr>
            </a:lvl7pPr>
            <a:lvl8pPr>
              <a:lnSpc>
                <a:spcPts val="4400"/>
              </a:lnSpc>
              <a:spcAft>
                <a:spcPts val="0"/>
              </a:spcAft>
              <a:defRPr sz="4000" b="0">
                <a:solidFill>
                  <a:schemeClr val="tx1"/>
                </a:solidFill>
              </a:defRPr>
            </a:lvl8pPr>
            <a:lvl9pPr>
              <a:lnSpc>
                <a:spcPts val="4400"/>
              </a:lnSpc>
              <a:spcAft>
                <a:spcPts val="0"/>
              </a:spcAft>
              <a:defRPr sz="4000" b="0">
                <a:solidFill>
                  <a:schemeClr val="tx1"/>
                </a:solidFill>
              </a:defRPr>
            </a:lvl9pPr>
          </a:lstStyle>
          <a:p>
            <a:pPr lvl="0"/>
            <a:r>
              <a:rPr lang="da-DK" dirty="0"/>
              <a:t>01</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1576388" y="1944000"/>
            <a:ext cx="9966326" cy="4006800"/>
          </a:xfrm>
        </p:spPr>
        <p:txBody>
          <a:bodyPr/>
          <a:lstStyle>
            <a:lvl1pPr marL="0" indent="0">
              <a:lnSpc>
                <a:spcPts val="4400"/>
              </a:lnSpc>
              <a:spcAft>
                <a:spcPts val="0"/>
              </a:spcAft>
              <a:buFont typeface="Arial" panose="020B0604020202020204" pitchFamily="34" charset="0"/>
              <a:buChar char="​"/>
              <a:defRPr sz="4000">
                <a:solidFill>
                  <a:schemeClr val="tx1"/>
                </a:solidFill>
              </a:defRPr>
            </a:lvl1pPr>
            <a:lvl2pPr marL="0" indent="0">
              <a:lnSpc>
                <a:spcPts val="4400"/>
              </a:lnSpc>
              <a:spcBef>
                <a:spcPts val="0"/>
              </a:spcBef>
              <a:spcAft>
                <a:spcPts val="0"/>
              </a:spcAft>
              <a:buFont typeface="Arial" panose="020B0604020202020204" pitchFamily="34" charset="0"/>
              <a:buChar char="​"/>
              <a:defRPr sz="4000" b="0">
                <a:solidFill>
                  <a:schemeClr val="tx1"/>
                </a:solidFill>
              </a:defRPr>
            </a:lvl2pPr>
            <a:lvl3pPr marL="0" indent="0">
              <a:lnSpc>
                <a:spcPts val="4400"/>
              </a:lnSpc>
              <a:spcBef>
                <a:spcPts val="0"/>
              </a:spcBef>
              <a:spcAft>
                <a:spcPts val="0"/>
              </a:spcAft>
              <a:buFont typeface="Arial" panose="020B0604020202020204" pitchFamily="34" charset="0"/>
              <a:buChar char="​"/>
              <a:defRPr sz="4000" b="0">
                <a:solidFill>
                  <a:schemeClr val="tx1"/>
                </a:solidFill>
              </a:defRPr>
            </a:lvl3pPr>
            <a:lvl4pPr marL="0" indent="0">
              <a:lnSpc>
                <a:spcPts val="4400"/>
              </a:lnSpc>
              <a:spcBef>
                <a:spcPts val="0"/>
              </a:spcBef>
              <a:spcAft>
                <a:spcPts val="0"/>
              </a:spcAft>
              <a:buFont typeface="Arial" panose="020B0604020202020204" pitchFamily="34" charset="0"/>
              <a:buChar char="​"/>
              <a:defRPr sz="4000" b="0">
                <a:solidFill>
                  <a:schemeClr val="tx1"/>
                </a:solidFill>
              </a:defRPr>
            </a:lvl4pPr>
            <a:lvl5pPr marL="0" indent="0">
              <a:lnSpc>
                <a:spcPts val="4400"/>
              </a:lnSpc>
              <a:spcBef>
                <a:spcPts val="0"/>
              </a:spcBef>
              <a:spcAft>
                <a:spcPts val="0"/>
              </a:spcAft>
              <a:buFont typeface="Arial" panose="020B0604020202020204" pitchFamily="34" charset="0"/>
              <a:buChar char="​"/>
              <a:defRPr sz="4000" b="0">
                <a:solidFill>
                  <a:schemeClr val="tx1"/>
                </a:solidFill>
              </a:defRPr>
            </a:lvl5pPr>
            <a:lvl6pPr marL="0" indent="0">
              <a:lnSpc>
                <a:spcPts val="4400"/>
              </a:lnSpc>
              <a:spcBef>
                <a:spcPts val="0"/>
              </a:spcBef>
              <a:spcAft>
                <a:spcPts val="0"/>
              </a:spcAft>
              <a:buFont typeface="Arial" panose="020B0604020202020204" pitchFamily="34" charset="0"/>
              <a:buChar char="​"/>
              <a:defRPr sz="4000" b="0">
                <a:solidFill>
                  <a:schemeClr val="tx1"/>
                </a:solidFill>
              </a:defRPr>
            </a:lvl6pPr>
            <a:lvl7pPr marL="0" indent="0">
              <a:lnSpc>
                <a:spcPts val="4400"/>
              </a:lnSpc>
              <a:spcBef>
                <a:spcPts val="0"/>
              </a:spcBef>
              <a:spcAft>
                <a:spcPts val="0"/>
              </a:spcAft>
              <a:buFont typeface="Arial" panose="020B0604020202020204" pitchFamily="34" charset="0"/>
              <a:buChar char="​"/>
              <a:defRPr sz="4000" b="0">
                <a:solidFill>
                  <a:schemeClr val="tx1"/>
                </a:solidFill>
              </a:defRPr>
            </a:lvl7pPr>
            <a:lvl8pPr marL="0" indent="0">
              <a:lnSpc>
                <a:spcPts val="4400"/>
              </a:lnSpc>
              <a:spcBef>
                <a:spcPts val="0"/>
              </a:spcBef>
              <a:spcAft>
                <a:spcPts val="0"/>
              </a:spcAft>
              <a:buFont typeface="Arial" panose="020B0604020202020204" pitchFamily="34" charset="0"/>
              <a:buChar char="​"/>
              <a:defRPr sz="4000" b="0">
                <a:solidFill>
                  <a:schemeClr val="tx1"/>
                </a:solidFill>
              </a:defRPr>
            </a:lvl8pPr>
            <a:lvl9pPr marL="0" indent="0">
              <a:lnSpc>
                <a:spcPts val="4400"/>
              </a:lnSpc>
              <a:spcBef>
                <a:spcPts val="0"/>
              </a:spcBef>
              <a:spcAft>
                <a:spcPts val="0"/>
              </a:spcAft>
              <a:buFont typeface="Arial" panose="020B0604020202020204" pitchFamily="34" charset="0"/>
              <a:buChar char="​"/>
              <a:defRPr sz="4000" b="0">
                <a:solidFill>
                  <a:schemeClr val="tx1"/>
                </a:solidFill>
              </a:defRPr>
            </a:lvl9pPr>
          </a:lstStyle>
          <a:p>
            <a:pPr lvl="0"/>
            <a:r>
              <a:rPr lang="da-DK" noProof="0" dirty="0"/>
              <a:t>Klik for at tilføje agendapunkt</a:t>
            </a:r>
          </a:p>
          <a:p>
            <a:pPr lvl="1"/>
            <a:endParaRPr lang="da-DK" noProof="0" dirty="0"/>
          </a:p>
        </p:txBody>
      </p:sp>
      <p:pic>
        <p:nvPicPr>
          <p:cNvPr id="4" name="Dynamic logo hvid" descr="{&quot;templafy&quot;:{&quot;id&quot;:&quot;e5746841-c204-425d-9bd7-aa9699e2533e&quot;}}">
            <a:extLst>
              <a:ext uri="{FF2B5EF4-FFF2-40B4-BE49-F238E27FC236}">
                <a16:creationId xmlns:a16="http://schemas.microsoft.com/office/drawing/2014/main" id="{BF04F9C3-BA5D-C752-A541-21396322B3A5}"/>
              </a:ext>
            </a:extLst>
          </p:cNvPr>
          <p:cNvPicPr>
            <a:picLocks noChangeAspect="1"/>
          </p:cNvPicPr>
          <p:nvPr userDrawn="1"/>
        </p:nvPicPr>
        <p:blipFill>
          <a:blip r:embed="rId2"/>
          <a:stretch>
            <a:fillRect/>
          </a:stretch>
        </p:blipFill>
        <p:spPr>
          <a:xfrm>
            <a:off x="0" y="6146006"/>
            <a:ext cx="3224210" cy="720000"/>
          </a:xfrm>
          <a:prstGeom prst="rect">
            <a:avLst/>
          </a:prstGeom>
        </p:spPr>
      </p:pic>
    </p:spTree>
    <p:extLst>
      <p:ext uri="{BB962C8B-B14F-4D97-AF65-F5344CB8AC3E}">
        <p14:creationId xmlns:p14="http://schemas.microsoft.com/office/powerpoint/2010/main" val="2151326899"/>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450723F5-A138-4A95-806D-9BEAFEEC8B34}" type="datetime2">
              <a:rPr lang="da-DK" smtClean="0"/>
              <a:t>30. maj 2025</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accent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669625" cy="4006800"/>
          </a:xfrm>
        </p:spPr>
        <p:txBody>
          <a:bodyPr/>
          <a:lstStyle>
            <a:lvl1pPr marL="0" indent="0">
              <a:lnSpc>
                <a:spcPts val="4400"/>
              </a:lnSpc>
              <a:spcAft>
                <a:spcPts val="0"/>
              </a:spcAft>
              <a:buFont typeface="Arial" panose="020B0604020202020204" pitchFamily="34" charset="0"/>
              <a:buChar char="​"/>
              <a:defRPr sz="4000" b="0">
                <a:solidFill>
                  <a:schemeClr val="accent1"/>
                </a:solidFill>
              </a:defRPr>
            </a:lvl1pPr>
            <a:lvl2pPr marL="0" indent="0">
              <a:lnSpc>
                <a:spcPts val="4400"/>
              </a:lnSpc>
              <a:spcAft>
                <a:spcPts val="0"/>
              </a:spcAft>
              <a:buFont typeface="Arial" panose="020B0604020202020204" pitchFamily="34" charset="0"/>
              <a:buChar char="​"/>
              <a:defRPr sz="4000" b="0">
                <a:solidFill>
                  <a:schemeClr val="accent1"/>
                </a:solidFill>
              </a:defRPr>
            </a:lvl2pPr>
            <a:lvl3pPr marL="0" indent="0">
              <a:lnSpc>
                <a:spcPts val="4400"/>
              </a:lnSpc>
              <a:spcAft>
                <a:spcPts val="0"/>
              </a:spcAft>
              <a:buFont typeface="Arial" panose="020B0604020202020204" pitchFamily="34" charset="0"/>
              <a:buChar char="​"/>
              <a:defRPr sz="4000" b="0">
                <a:solidFill>
                  <a:schemeClr val="accent1"/>
                </a:solidFill>
              </a:defRPr>
            </a:lvl3pPr>
            <a:lvl4pPr>
              <a:lnSpc>
                <a:spcPts val="4400"/>
              </a:lnSpc>
              <a:spcAft>
                <a:spcPts val="0"/>
              </a:spcAft>
              <a:buFont typeface="Arial" panose="020B0604020202020204" pitchFamily="34" charset="0"/>
              <a:buChar char="​"/>
              <a:defRPr sz="4000" b="0">
                <a:solidFill>
                  <a:schemeClr val="accent1"/>
                </a:solidFill>
              </a:defRPr>
            </a:lvl4pPr>
            <a:lvl5pPr>
              <a:lnSpc>
                <a:spcPts val="4400"/>
              </a:lnSpc>
              <a:spcAft>
                <a:spcPts val="0"/>
              </a:spcAft>
              <a:buFont typeface="Arial" panose="020B0604020202020204" pitchFamily="34" charset="0"/>
              <a:buChar char="​"/>
              <a:defRPr sz="4000" b="0">
                <a:solidFill>
                  <a:schemeClr val="accent1"/>
                </a:solidFill>
              </a:defRPr>
            </a:lvl5pPr>
            <a:lvl6pPr marL="0" indent="0">
              <a:lnSpc>
                <a:spcPts val="4400"/>
              </a:lnSpc>
              <a:spcAft>
                <a:spcPts val="0"/>
              </a:spcAft>
              <a:buFont typeface="Arial" panose="020B0604020202020204" pitchFamily="34" charset="0"/>
              <a:buChar char="​"/>
              <a:defRPr sz="4000" b="0">
                <a:solidFill>
                  <a:schemeClr val="accent1"/>
                </a:solidFill>
              </a:defRPr>
            </a:lvl6pPr>
            <a:lvl7pPr>
              <a:lnSpc>
                <a:spcPts val="4400"/>
              </a:lnSpc>
              <a:spcAft>
                <a:spcPts val="0"/>
              </a:spcAft>
              <a:defRPr sz="4000" b="0">
                <a:solidFill>
                  <a:schemeClr val="accent1"/>
                </a:solidFill>
              </a:defRPr>
            </a:lvl7pPr>
            <a:lvl8pPr>
              <a:lnSpc>
                <a:spcPts val="4400"/>
              </a:lnSpc>
              <a:spcAft>
                <a:spcPts val="0"/>
              </a:spcAft>
              <a:defRPr sz="4000" b="0">
                <a:solidFill>
                  <a:schemeClr val="accent1"/>
                </a:solidFill>
              </a:defRPr>
            </a:lvl8pPr>
            <a:lvl9pPr>
              <a:lnSpc>
                <a:spcPts val="4400"/>
              </a:lnSpc>
              <a:spcAft>
                <a:spcPts val="0"/>
              </a:spcAft>
              <a:defRPr sz="4000" b="0">
                <a:solidFill>
                  <a:schemeClr val="accent1"/>
                </a:solidFill>
              </a:defRPr>
            </a:lvl9pPr>
          </a:lstStyle>
          <a:p>
            <a:pPr lvl="0"/>
            <a:r>
              <a:rPr lang="da-DK" dirty="0"/>
              <a:t>01</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1576388" y="1944000"/>
            <a:ext cx="9966326" cy="4006800"/>
          </a:xfrm>
        </p:spPr>
        <p:txBody>
          <a:bodyPr/>
          <a:lstStyle>
            <a:lvl1pPr marL="0" indent="0">
              <a:lnSpc>
                <a:spcPts val="4400"/>
              </a:lnSpc>
              <a:spcAft>
                <a:spcPts val="0"/>
              </a:spcAft>
              <a:buFont typeface="Arial" panose="020B0604020202020204" pitchFamily="34" charset="0"/>
              <a:buChar char="​"/>
              <a:defRPr sz="4000">
                <a:solidFill>
                  <a:schemeClr val="accent1"/>
                </a:solidFill>
              </a:defRPr>
            </a:lvl1pPr>
            <a:lvl2pPr marL="0" indent="0">
              <a:lnSpc>
                <a:spcPts val="4400"/>
              </a:lnSpc>
              <a:spcBef>
                <a:spcPts val="0"/>
              </a:spcBef>
              <a:spcAft>
                <a:spcPts val="0"/>
              </a:spcAft>
              <a:buFont typeface="Arial" panose="020B0604020202020204" pitchFamily="34" charset="0"/>
              <a:buChar char="​"/>
              <a:defRPr sz="4000" b="0">
                <a:solidFill>
                  <a:schemeClr val="accent1"/>
                </a:solidFill>
              </a:defRPr>
            </a:lvl2pPr>
            <a:lvl3pPr marL="0" indent="0">
              <a:lnSpc>
                <a:spcPts val="4400"/>
              </a:lnSpc>
              <a:spcBef>
                <a:spcPts val="0"/>
              </a:spcBef>
              <a:spcAft>
                <a:spcPts val="0"/>
              </a:spcAft>
              <a:buFont typeface="Arial" panose="020B0604020202020204" pitchFamily="34" charset="0"/>
              <a:buChar char="​"/>
              <a:defRPr sz="4000" b="0">
                <a:solidFill>
                  <a:schemeClr val="accent1"/>
                </a:solidFill>
              </a:defRPr>
            </a:lvl3pPr>
            <a:lvl4pPr marL="0" indent="0">
              <a:lnSpc>
                <a:spcPts val="4400"/>
              </a:lnSpc>
              <a:spcBef>
                <a:spcPts val="0"/>
              </a:spcBef>
              <a:spcAft>
                <a:spcPts val="0"/>
              </a:spcAft>
              <a:buFont typeface="Arial" panose="020B0604020202020204" pitchFamily="34" charset="0"/>
              <a:buChar char="​"/>
              <a:defRPr sz="4000" b="0">
                <a:solidFill>
                  <a:schemeClr val="accent1"/>
                </a:solidFill>
              </a:defRPr>
            </a:lvl4pPr>
            <a:lvl5pPr marL="0" indent="0">
              <a:lnSpc>
                <a:spcPts val="4400"/>
              </a:lnSpc>
              <a:spcBef>
                <a:spcPts val="0"/>
              </a:spcBef>
              <a:spcAft>
                <a:spcPts val="0"/>
              </a:spcAft>
              <a:buFont typeface="Arial" panose="020B0604020202020204" pitchFamily="34" charset="0"/>
              <a:buChar char="​"/>
              <a:defRPr sz="4000" b="0">
                <a:solidFill>
                  <a:schemeClr val="accent1"/>
                </a:solidFill>
              </a:defRPr>
            </a:lvl5pPr>
            <a:lvl6pPr marL="0" indent="0">
              <a:lnSpc>
                <a:spcPts val="4400"/>
              </a:lnSpc>
              <a:spcBef>
                <a:spcPts val="0"/>
              </a:spcBef>
              <a:spcAft>
                <a:spcPts val="0"/>
              </a:spcAft>
              <a:buFont typeface="Arial" panose="020B0604020202020204" pitchFamily="34" charset="0"/>
              <a:buChar char="​"/>
              <a:defRPr sz="4000" b="0">
                <a:solidFill>
                  <a:schemeClr val="accent1"/>
                </a:solidFill>
              </a:defRPr>
            </a:lvl6pPr>
            <a:lvl7pPr marL="0" indent="0">
              <a:lnSpc>
                <a:spcPts val="4400"/>
              </a:lnSpc>
              <a:spcBef>
                <a:spcPts val="0"/>
              </a:spcBef>
              <a:spcAft>
                <a:spcPts val="0"/>
              </a:spcAft>
              <a:buFont typeface="Arial" panose="020B0604020202020204" pitchFamily="34" charset="0"/>
              <a:buChar char="​"/>
              <a:defRPr sz="4000" b="0">
                <a:solidFill>
                  <a:schemeClr val="accent1"/>
                </a:solidFill>
              </a:defRPr>
            </a:lvl7pPr>
            <a:lvl8pPr marL="0" indent="0">
              <a:lnSpc>
                <a:spcPts val="4400"/>
              </a:lnSpc>
              <a:spcBef>
                <a:spcPts val="0"/>
              </a:spcBef>
              <a:spcAft>
                <a:spcPts val="0"/>
              </a:spcAft>
              <a:buFont typeface="Arial" panose="020B0604020202020204" pitchFamily="34" charset="0"/>
              <a:buChar char="​"/>
              <a:defRPr sz="4000" b="0">
                <a:solidFill>
                  <a:schemeClr val="accent1"/>
                </a:solidFill>
              </a:defRPr>
            </a:lvl8pPr>
            <a:lvl9pPr marL="0" indent="0">
              <a:lnSpc>
                <a:spcPts val="4400"/>
              </a:lnSpc>
              <a:spcBef>
                <a:spcPts val="0"/>
              </a:spcBef>
              <a:spcAft>
                <a:spcPts val="0"/>
              </a:spcAft>
              <a:buFont typeface="Arial" panose="020B0604020202020204" pitchFamily="34" charset="0"/>
              <a:buChar char="​"/>
              <a:defRPr sz="4000" b="0">
                <a:solidFill>
                  <a:schemeClr val="accent1"/>
                </a:solidFill>
              </a:defRPr>
            </a:lvl9pPr>
          </a:lstStyle>
          <a:p>
            <a:pPr lvl="0"/>
            <a:r>
              <a:rPr lang="da-DK" noProof="0" dirty="0"/>
              <a:t>Klik for at tilføje agendapunkt</a:t>
            </a:r>
          </a:p>
          <a:p>
            <a:pPr lvl="1"/>
            <a:endParaRPr lang="da-DK" noProof="0" dirty="0"/>
          </a:p>
        </p:txBody>
      </p:sp>
    </p:spTree>
    <p:extLst>
      <p:ext uri="{BB962C8B-B14F-4D97-AF65-F5344CB8AC3E}">
        <p14:creationId xmlns:p14="http://schemas.microsoft.com/office/powerpoint/2010/main" val="3870618821"/>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Agenda tidspunkt A">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99A334B8-94C2-4F5F-A26B-D047E4B357D2}" type="datetime2">
              <a:rPr lang="da-DK" smtClean="0"/>
              <a:t>30. maj 2025</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tx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1304625" cy="4006800"/>
          </a:xfrm>
        </p:spPr>
        <p:txBody>
          <a:bodyPr/>
          <a:lstStyle>
            <a:lvl1pPr marL="0" indent="0">
              <a:lnSpc>
                <a:spcPts val="4400"/>
              </a:lnSpc>
              <a:spcAft>
                <a:spcPts val="0"/>
              </a:spcAft>
              <a:buFont typeface="Arial" panose="020B0604020202020204" pitchFamily="34" charset="0"/>
              <a:buChar char="​"/>
              <a:defRPr sz="4000" b="0">
                <a:solidFill>
                  <a:schemeClr val="tx1"/>
                </a:solidFill>
              </a:defRPr>
            </a:lvl1pPr>
            <a:lvl2pPr marL="0" indent="0">
              <a:lnSpc>
                <a:spcPts val="4400"/>
              </a:lnSpc>
              <a:spcAft>
                <a:spcPts val="0"/>
              </a:spcAft>
              <a:buFont typeface="Arial" panose="020B0604020202020204" pitchFamily="34" charset="0"/>
              <a:buChar char="​"/>
              <a:defRPr sz="4000" b="0">
                <a:solidFill>
                  <a:schemeClr val="tx1"/>
                </a:solidFill>
              </a:defRPr>
            </a:lvl2pPr>
            <a:lvl3pPr marL="0" indent="0">
              <a:lnSpc>
                <a:spcPts val="4400"/>
              </a:lnSpc>
              <a:spcAft>
                <a:spcPts val="0"/>
              </a:spcAft>
              <a:buFont typeface="Arial" panose="020B0604020202020204" pitchFamily="34" charset="0"/>
              <a:buChar char="​"/>
              <a:defRPr sz="4000" b="0">
                <a:solidFill>
                  <a:schemeClr val="tx1"/>
                </a:solidFill>
              </a:defRPr>
            </a:lvl3pPr>
            <a:lvl4pPr>
              <a:lnSpc>
                <a:spcPts val="4400"/>
              </a:lnSpc>
              <a:spcAft>
                <a:spcPts val="0"/>
              </a:spcAft>
              <a:buFont typeface="Arial" panose="020B0604020202020204" pitchFamily="34" charset="0"/>
              <a:buChar char="​"/>
              <a:defRPr sz="4000" b="0">
                <a:solidFill>
                  <a:schemeClr val="tx1"/>
                </a:solidFill>
              </a:defRPr>
            </a:lvl4pPr>
            <a:lvl5pPr>
              <a:lnSpc>
                <a:spcPts val="4400"/>
              </a:lnSpc>
              <a:spcAft>
                <a:spcPts val="0"/>
              </a:spcAft>
              <a:buFont typeface="Arial" panose="020B0604020202020204" pitchFamily="34" charset="0"/>
              <a:buChar char="​"/>
              <a:defRPr sz="4000" b="0">
                <a:solidFill>
                  <a:schemeClr val="tx1"/>
                </a:solidFill>
              </a:defRPr>
            </a:lvl5pPr>
            <a:lvl6pPr marL="0" indent="0">
              <a:lnSpc>
                <a:spcPts val="4400"/>
              </a:lnSpc>
              <a:spcAft>
                <a:spcPts val="0"/>
              </a:spcAft>
              <a:buFont typeface="Arial" panose="020B0604020202020204" pitchFamily="34" charset="0"/>
              <a:buChar char="​"/>
              <a:defRPr sz="4000" b="0">
                <a:solidFill>
                  <a:schemeClr val="tx1"/>
                </a:solidFill>
              </a:defRPr>
            </a:lvl6pPr>
            <a:lvl7pPr>
              <a:lnSpc>
                <a:spcPts val="4400"/>
              </a:lnSpc>
              <a:spcAft>
                <a:spcPts val="0"/>
              </a:spcAft>
              <a:defRPr sz="4000" b="0">
                <a:solidFill>
                  <a:schemeClr val="tx1"/>
                </a:solidFill>
              </a:defRPr>
            </a:lvl7pPr>
            <a:lvl8pPr>
              <a:lnSpc>
                <a:spcPts val="4400"/>
              </a:lnSpc>
              <a:spcAft>
                <a:spcPts val="0"/>
              </a:spcAft>
              <a:defRPr sz="4000" b="0">
                <a:solidFill>
                  <a:schemeClr val="tx1"/>
                </a:solidFill>
              </a:defRPr>
            </a:lvl8pPr>
            <a:lvl9pPr>
              <a:lnSpc>
                <a:spcPts val="4400"/>
              </a:lnSpc>
              <a:spcAft>
                <a:spcPts val="0"/>
              </a:spcAft>
              <a:defRPr sz="4000" b="0">
                <a:solidFill>
                  <a:schemeClr val="tx1"/>
                </a:solidFill>
              </a:defRPr>
            </a:lvl9pPr>
          </a:lstStyle>
          <a:p>
            <a:pPr lvl="0"/>
            <a:r>
              <a:rPr lang="da-DK" dirty="0"/>
              <a:t>08.00</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2247900" y="1944000"/>
            <a:ext cx="9294813" cy="4006800"/>
          </a:xfrm>
        </p:spPr>
        <p:txBody>
          <a:bodyPr/>
          <a:lstStyle>
            <a:lvl1pPr marL="0" indent="0">
              <a:lnSpc>
                <a:spcPts val="4400"/>
              </a:lnSpc>
              <a:spcAft>
                <a:spcPts val="0"/>
              </a:spcAft>
              <a:buFont typeface="Arial" panose="020B0604020202020204" pitchFamily="34" charset="0"/>
              <a:buChar char="​"/>
              <a:defRPr sz="4000">
                <a:solidFill>
                  <a:schemeClr val="tx1"/>
                </a:solidFill>
              </a:defRPr>
            </a:lvl1pPr>
            <a:lvl2pPr marL="0" indent="0">
              <a:lnSpc>
                <a:spcPts val="4400"/>
              </a:lnSpc>
              <a:spcBef>
                <a:spcPts val="0"/>
              </a:spcBef>
              <a:spcAft>
                <a:spcPts val="0"/>
              </a:spcAft>
              <a:buFont typeface="Arial" panose="020B0604020202020204" pitchFamily="34" charset="0"/>
              <a:buChar char="​"/>
              <a:defRPr sz="4000" b="0">
                <a:solidFill>
                  <a:schemeClr val="tx1"/>
                </a:solidFill>
              </a:defRPr>
            </a:lvl2pPr>
            <a:lvl3pPr marL="0" indent="0">
              <a:lnSpc>
                <a:spcPts val="4400"/>
              </a:lnSpc>
              <a:spcBef>
                <a:spcPts val="0"/>
              </a:spcBef>
              <a:spcAft>
                <a:spcPts val="0"/>
              </a:spcAft>
              <a:buFont typeface="Arial" panose="020B0604020202020204" pitchFamily="34" charset="0"/>
              <a:buChar char="​"/>
              <a:defRPr sz="4000" b="0">
                <a:solidFill>
                  <a:schemeClr val="tx1"/>
                </a:solidFill>
              </a:defRPr>
            </a:lvl3pPr>
            <a:lvl4pPr marL="0" indent="0">
              <a:lnSpc>
                <a:spcPts val="4400"/>
              </a:lnSpc>
              <a:spcBef>
                <a:spcPts val="0"/>
              </a:spcBef>
              <a:spcAft>
                <a:spcPts val="0"/>
              </a:spcAft>
              <a:buFont typeface="Arial" panose="020B0604020202020204" pitchFamily="34" charset="0"/>
              <a:buChar char="​"/>
              <a:defRPr sz="4000" b="0">
                <a:solidFill>
                  <a:schemeClr val="tx1"/>
                </a:solidFill>
              </a:defRPr>
            </a:lvl4pPr>
            <a:lvl5pPr marL="0" indent="0">
              <a:lnSpc>
                <a:spcPts val="4400"/>
              </a:lnSpc>
              <a:spcBef>
                <a:spcPts val="0"/>
              </a:spcBef>
              <a:spcAft>
                <a:spcPts val="0"/>
              </a:spcAft>
              <a:buFont typeface="Arial" panose="020B0604020202020204" pitchFamily="34" charset="0"/>
              <a:buChar char="​"/>
              <a:defRPr sz="4000" b="0">
                <a:solidFill>
                  <a:schemeClr val="tx1"/>
                </a:solidFill>
              </a:defRPr>
            </a:lvl5pPr>
            <a:lvl6pPr marL="0" indent="0">
              <a:lnSpc>
                <a:spcPts val="4400"/>
              </a:lnSpc>
              <a:spcBef>
                <a:spcPts val="0"/>
              </a:spcBef>
              <a:spcAft>
                <a:spcPts val="0"/>
              </a:spcAft>
              <a:buFont typeface="Arial" panose="020B0604020202020204" pitchFamily="34" charset="0"/>
              <a:buChar char="​"/>
              <a:defRPr sz="4000" b="0">
                <a:solidFill>
                  <a:schemeClr val="tx1"/>
                </a:solidFill>
              </a:defRPr>
            </a:lvl6pPr>
            <a:lvl7pPr marL="0" indent="0">
              <a:lnSpc>
                <a:spcPts val="4400"/>
              </a:lnSpc>
              <a:spcBef>
                <a:spcPts val="0"/>
              </a:spcBef>
              <a:spcAft>
                <a:spcPts val="0"/>
              </a:spcAft>
              <a:buFont typeface="Arial" panose="020B0604020202020204" pitchFamily="34" charset="0"/>
              <a:buChar char="​"/>
              <a:defRPr sz="4000" b="0">
                <a:solidFill>
                  <a:schemeClr val="tx1"/>
                </a:solidFill>
              </a:defRPr>
            </a:lvl7pPr>
            <a:lvl8pPr marL="0" indent="0">
              <a:lnSpc>
                <a:spcPts val="4400"/>
              </a:lnSpc>
              <a:spcBef>
                <a:spcPts val="0"/>
              </a:spcBef>
              <a:spcAft>
                <a:spcPts val="0"/>
              </a:spcAft>
              <a:buFont typeface="Arial" panose="020B0604020202020204" pitchFamily="34" charset="0"/>
              <a:buChar char="​"/>
              <a:defRPr sz="4000" b="0">
                <a:solidFill>
                  <a:schemeClr val="tx1"/>
                </a:solidFill>
              </a:defRPr>
            </a:lvl8pPr>
            <a:lvl9pPr marL="0" indent="0">
              <a:lnSpc>
                <a:spcPts val="4400"/>
              </a:lnSpc>
              <a:spcBef>
                <a:spcPts val="0"/>
              </a:spcBef>
              <a:spcAft>
                <a:spcPts val="0"/>
              </a:spcAft>
              <a:buFont typeface="Arial" panose="020B0604020202020204" pitchFamily="34" charset="0"/>
              <a:buChar char="​"/>
              <a:defRPr sz="4000" b="0">
                <a:solidFill>
                  <a:schemeClr val="tx1"/>
                </a:solidFill>
              </a:defRPr>
            </a:lvl9pPr>
          </a:lstStyle>
          <a:p>
            <a:pPr lvl="0"/>
            <a:r>
              <a:rPr lang="da-DK" noProof="0" dirty="0"/>
              <a:t>Klik for at tilføje agendapunkt</a:t>
            </a:r>
          </a:p>
          <a:p>
            <a:pPr lvl="1"/>
            <a:endParaRPr lang="da-DK" noProof="0" dirty="0"/>
          </a:p>
        </p:txBody>
      </p:sp>
      <p:pic>
        <p:nvPicPr>
          <p:cNvPr id="5" name="Dynamic cover logo hvid" descr="{&quot;templafy&quot;:{&quot;id&quot;:&quot;9c927c54-3cb3-4ced-8419-cfa08ab704d1&quot;}}">
            <a:extLst>
              <a:ext uri="{FF2B5EF4-FFF2-40B4-BE49-F238E27FC236}">
                <a16:creationId xmlns:a16="http://schemas.microsoft.com/office/drawing/2014/main" id="{FFEB657E-49B2-0FC5-A79E-6F3816CF8A49}"/>
              </a:ext>
            </a:extLst>
          </p:cNvPr>
          <p:cNvPicPr>
            <a:picLocks noChangeAspect="1"/>
          </p:cNvPicPr>
          <p:nvPr userDrawn="1"/>
        </p:nvPicPr>
        <p:blipFill>
          <a:blip r:embed="rId2"/>
          <a:stretch>
            <a:fillRect/>
          </a:stretch>
        </p:blipFill>
        <p:spPr>
          <a:xfrm>
            <a:off x="0" y="5958000"/>
            <a:ext cx="2525088" cy="900000"/>
          </a:xfrm>
          <a:prstGeom prst="rect">
            <a:avLst/>
          </a:prstGeom>
        </p:spPr>
      </p:pic>
    </p:spTree>
    <p:extLst>
      <p:ext uri="{BB962C8B-B14F-4D97-AF65-F5344CB8AC3E}">
        <p14:creationId xmlns:p14="http://schemas.microsoft.com/office/powerpoint/2010/main" val="209211194"/>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genda tidspunkt B">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8D8C2F2-679C-4048-B1FF-69BB2ED69E51}" type="datetime2">
              <a:rPr lang="da-DK" smtClean="0"/>
              <a:t>30. maj 2025</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accent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1304625" cy="4006800"/>
          </a:xfrm>
        </p:spPr>
        <p:txBody>
          <a:bodyPr/>
          <a:lstStyle>
            <a:lvl1pPr marL="0" indent="0">
              <a:lnSpc>
                <a:spcPts val="4400"/>
              </a:lnSpc>
              <a:spcAft>
                <a:spcPts val="0"/>
              </a:spcAft>
              <a:buFont typeface="Arial" panose="020B0604020202020204" pitchFamily="34" charset="0"/>
              <a:buChar char="​"/>
              <a:defRPr sz="4000" b="0">
                <a:solidFill>
                  <a:schemeClr val="accent1"/>
                </a:solidFill>
              </a:defRPr>
            </a:lvl1pPr>
            <a:lvl2pPr marL="0" indent="0">
              <a:lnSpc>
                <a:spcPts val="4400"/>
              </a:lnSpc>
              <a:spcAft>
                <a:spcPts val="0"/>
              </a:spcAft>
              <a:buFont typeface="Arial" panose="020B0604020202020204" pitchFamily="34" charset="0"/>
              <a:buChar char="​"/>
              <a:defRPr sz="4000" b="0">
                <a:solidFill>
                  <a:schemeClr val="accent1"/>
                </a:solidFill>
              </a:defRPr>
            </a:lvl2pPr>
            <a:lvl3pPr marL="0" indent="0">
              <a:lnSpc>
                <a:spcPts val="4400"/>
              </a:lnSpc>
              <a:spcAft>
                <a:spcPts val="0"/>
              </a:spcAft>
              <a:buFont typeface="Arial" panose="020B0604020202020204" pitchFamily="34" charset="0"/>
              <a:buChar char="​"/>
              <a:defRPr sz="4000" b="0">
                <a:solidFill>
                  <a:schemeClr val="accent1"/>
                </a:solidFill>
              </a:defRPr>
            </a:lvl3pPr>
            <a:lvl4pPr>
              <a:lnSpc>
                <a:spcPts val="4400"/>
              </a:lnSpc>
              <a:spcAft>
                <a:spcPts val="0"/>
              </a:spcAft>
              <a:buFont typeface="Arial" panose="020B0604020202020204" pitchFamily="34" charset="0"/>
              <a:buChar char="​"/>
              <a:defRPr sz="4000" b="0">
                <a:solidFill>
                  <a:schemeClr val="accent1"/>
                </a:solidFill>
              </a:defRPr>
            </a:lvl4pPr>
            <a:lvl5pPr>
              <a:lnSpc>
                <a:spcPts val="4400"/>
              </a:lnSpc>
              <a:spcAft>
                <a:spcPts val="0"/>
              </a:spcAft>
              <a:buFont typeface="Arial" panose="020B0604020202020204" pitchFamily="34" charset="0"/>
              <a:buChar char="​"/>
              <a:defRPr sz="4000" b="0">
                <a:solidFill>
                  <a:schemeClr val="accent1"/>
                </a:solidFill>
              </a:defRPr>
            </a:lvl5pPr>
            <a:lvl6pPr marL="0" indent="0">
              <a:lnSpc>
                <a:spcPts val="4400"/>
              </a:lnSpc>
              <a:spcAft>
                <a:spcPts val="0"/>
              </a:spcAft>
              <a:buFont typeface="Arial" panose="020B0604020202020204" pitchFamily="34" charset="0"/>
              <a:buChar char="​"/>
              <a:defRPr sz="4000" b="0">
                <a:solidFill>
                  <a:schemeClr val="accent1"/>
                </a:solidFill>
              </a:defRPr>
            </a:lvl6pPr>
            <a:lvl7pPr>
              <a:lnSpc>
                <a:spcPts val="4400"/>
              </a:lnSpc>
              <a:spcAft>
                <a:spcPts val="0"/>
              </a:spcAft>
              <a:defRPr sz="4000" b="0">
                <a:solidFill>
                  <a:schemeClr val="accent1"/>
                </a:solidFill>
              </a:defRPr>
            </a:lvl7pPr>
            <a:lvl8pPr>
              <a:lnSpc>
                <a:spcPts val="4400"/>
              </a:lnSpc>
              <a:spcAft>
                <a:spcPts val="0"/>
              </a:spcAft>
              <a:defRPr sz="4000" b="0">
                <a:solidFill>
                  <a:schemeClr val="accent1"/>
                </a:solidFill>
              </a:defRPr>
            </a:lvl8pPr>
            <a:lvl9pPr>
              <a:lnSpc>
                <a:spcPts val="4400"/>
              </a:lnSpc>
              <a:spcAft>
                <a:spcPts val="0"/>
              </a:spcAft>
              <a:defRPr sz="4000" b="0">
                <a:solidFill>
                  <a:schemeClr val="accent1"/>
                </a:solidFill>
              </a:defRPr>
            </a:lvl9pPr>
          </a:lstStyle>
          <a:p>
            <a:pPr lvl="0"/>
            <a:r>
              <a:rPr lang="da-DK" dirty="0"/>
              <a:t>08.00</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2247900" y="1944000"/>
            <a:ext cx="9294813" cy="4006800"/>
          </a:xfrm>
        </p:spPr>
        <p:txBody>
          <a:bodyPr/>
          <a:lstStyle>
            <a:lvl1pPr marL="0" indent="0">
              <a:lnSpc>
                <a:spcPts val="4400"/>
              </a:lnSpc>
              <a:spcAft>
                <a:spcPts val="0"/>
              </a:spcAft>
              <a:buFont typeface="Arial" panose="020B0604020202020204" pitchFamily="34" charset="0"/>
              <a:buChar char="​"/>
              <a:defRPr sz="4000">
                <a:solidFill>
                  <a:schemeClr val="accent1"/>
                </a:solidFill>
              </a:defRPr>
            </a:lvl1pPr>
            <a:lvl2pPr marL="0" indent="0">
              <a:lnSpc>
                <a:spcPts val="4400"/>
              </a:lnSpc>
              <a:spcBef>
                <a:spcPts val="0"/>
              </a:spcBef>
              <a:spcAft>
                <a:spcPts val="0"/>
              </a:spcAft>
              <a:buFont typeface="Arial" panose="020B0604020202020204" pitchFamily="34" charset="0"/>
              <a:buChar char="​"/>
              <a:defRPr sz="4000" b="0">
                <a:solidFill>
                  <a:schemeClr val="accent1"/>
                </a:solidFill>
              </a:defRPr>
            </a:lvl2pPr>
            <a:lvl3pPr marL="0" indent="0">
              <a:lnSpc>
                <a:spcPts val="4400"/>
              </a:lnSpc>
              <a:spcBef>
                <a:spcPts val="0"/>
              </a:spcBef>
              <a:spcAft>
                <a:spcPts val="0"/>
              </a:spcAft>
              <a:buFont typeface="Arial" panose="020B0604020202020204" pitchFamily="34" charset="0"/>
              <a:buChar char="​"/>
              <a:defRPr sz="4000" b="0">
                <a:solidFill>
                  <a:schemeClr val="accent1"/>
                </a:solidFill>
              </a:defRPr>
            </a:lvl3pPr>
            <a:lvl4pPr marL="0" indent="0">
              <a:lnSpc>
                <a:spcPts val="4400"/>
              </a:lnSpc>
              <a:spcBef>
                <a:spcPts val="0"/>
              </a:spcBef>
              <a:spcAft>
                <a:spcPts val="0"/>
              </a:spcAft>
              <a:buFont typeface="Arial" panose="020B0604020202020204" pitchFamily="34" charset="0"/>
              <a:buChar char="​"/>
              <a:defRPr sz="4000" b="0">
                <a:solidFill>
                  <a:schemeClr val="accent1"/>
                </a:solidFill>
              </a:defRPr>
            </a:lvl4pPr>
            <a:lvl5pPr marL="0" indent="0">
              <a:lnSpc>
                <a:spcPts val="4400"/>
              </a:lnSpc>
              <a:spcBef>
                <a:spcPts val="0"/>
              </a:spcBef>
              <a:spcAft>
                <a:spcPts val="0"/>
              </a:spcAft>
              <a:buFont typeface="Arial" panose="020B0604020202020204" pitchFamily="34" charset="0"/>
              <a:buChar char="​"/>
              <a:defRPr sz="4000" b="0">
                <a:solidFill>
                  <a:schemeClr val="accent1"/>
                </a:solidFill>
              </a:defRPr>
            </a:lvl5pPr>
            <a:lvl6pPr marL="0" indent="0">
              <a:lnSpc>
                <a:spcPts val="4400"/>
              </a:lnSpc>
              <a:spcBef>
                <a:spcPts val="0"/>
              </a:spcBef>
              <a:spcAft>
                <a:spcPts val="0"/>
              </a:spcAft>
              <a:buFont typeface="Arial" panose="020B0604020202020204" pitchFamily="34" charset="0"/>
              <a:buChar char="​"/>
              <a:defRPr sz="4000" b="0">
                <a:solidFill>
                  <a:schemeClr val="accent1"/>
                </a:solidFill>
              </a:defRPr>
            </a:lvl6pPr>
            <a:lvl7pPr marL="0" indent="0">
              <a:lnSpc>
                <a:spcPts val="4400"/>
              </a:lnSpc>
              <a:spcBef>
                <a:spcPts val="0"/>
              </a:spcBef>
              <a:spcAft>
                <a:spcPts val="0"/>
              </a:spcAft>
              <a:buFont typeface="Arial" panose="020B0604020202020204" pitchFamily="34" charset="0"/>
              <a:buChar char="​"/>
              <a:defRPr sz="4000" b="0">
                <a:solidFill>
                  <a:schemeClr val="accent1"/>
                </a:solidFill>
              </a:defRPr>
            </a:lvl7pPr>
            <a:lvl8pPr marL="0" indent="0">
              <a:lnSpc>
                <a:spcPts val="4400"/>
              </a:lnSpc>
              <a:spcBef>
                <a:spcPts val="0"/>
              </a:spcBef>
              <a:spcAft>
                <a:spcPts val="0"/>
              </a:spcAft>
              <a:buFont typeface="Arial" panose="020B0604020202020204" pitchFamily="34" charset="0"/>
              <a:buChar char="​"/>
              <a:defRPr sz="4000" b="0">
                <a:solidFill>
                  <a:schemeClr val="accent1"/>
                </a:solidFill>
              </a:defRPr>
            </a:lvl8pPr>
            <a:lvl9pPr marL="0" indent="0">
              <a:lnSpc>
                <a:spcPts val="4400"/>
              </a:lnSpc>
              <a:spcBef>
                <a:spcPts val="0"/>
              </a:spcBef>
              <a:spcAft>
                <a:spcPts val="0"/>
              </a:spcAft>
              <a:buFont typeface="Arial" panose="020B0604020202020204" pitchFamily="34" charset="0"/>
              <a:buChar char="​"/>
              <a:defRPr sz="4000" b="0">
                <a:solidFill>
                  <a:schemeClr val="accent1"/>
                </a:solidFill>
              </a:defRPr>
            </a:lvl9pPr>
          </a:lstStyle>
          <a:p>
            <a:pPr lvl="0"/>
            <a:r>
              <a:rPr lang="da-DK" noProof="0" dirty="0"/>
              <a:t>Klik for at tilføje agendapunkt</a:t>
            </a:r>
          </a:p>
          <a:p>
            <a:pPr lvl="1"/>
            <a:endParaRPr lang="da-DK" noProof="0" dirty="0"/>
          </a:p>
        </p:txBody>
      </p:sp>
    </p:spTree>
    <p:extLst>
      <p:ext uri="{BB962C8B-B14F-4D97-AF65-F5344CB8AC3E}">
        <p14:creationId xmlns:p14="http://schemas.microsoft.com/office/powerpoint/2010/main" val="3137303599"/>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Agenda tabel">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p:spPr>
        <p:txBody>
          <a:bodyPr/>
          <a:lstStyle>
            <a:lvl1pPr>
              <a:defRPr sz="100">
                <a:noFill/>
              </a:defRPr>
            </a:lvl1pPr>
          </a:lstStyle>
          <a:p>
            <a:fld id="{9B1FEFFC-31B0-457C-A3D6-5C8ECDAEBB26}" type="datetime2">
              <a:rPr lang="da-DK" smtClean="0"/>
              <a:t>30. maj 2025</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7999"/>
            <a:ext cx="10897200" cy="750923"/>
          </a:xfrm>
        </p:spPr>
        <p:txBody>
          <a:bodyPr/>
          <a:lstStyle>
            <a:lvl1pPr>
              <a:defRPr>
                <a:solidFill>
                  <a:schemeClr val="tx1"/>
                </a:solidFill>
              </a:defRPr>
            </a:lvl1pPr>
          </a:lstStyle>
          <a:p>
            <a:r>
              <a:rPr lang="da-DK" dirty="0"/>
              <a:t>Klik for at tilføje agenda titel</a:t>
            </a:r>
          </a:p>
        </p:txBody>
      </p:sp>
      <p:sp>
        <p:nvSpPr>
          <p:cNvPr id="7" name="Pladsholder til tabel 6">
            <a:extLst>
              <a:ext uri="{FF2B5EF4-FFF2-40B4-BE49-F238E27FC236}">
                <a16:creationId xmlns:a16="http://schemas.microsoft.com/office/drawing/2014/main" id="{30C11071-5D19-0FA9-64F6-6DEDF09EC59B}"/>
              </a:ext>
            </a:extLst>
          </p:cNvPr>
          <p:cNvSpPr>
            <a:spLocks noGrp="1"/>
          </p:cNvSpPr>
          <p:nvPr>
            <p:ph type="tbl" sz="quarter" idx="18" hasCustomPrompt="1"/>
          </p:nvPr>
        </p:nvSpPr>
        <p:spPr>
          <a:xfrm>
            <a:off x="647700" y="1400400"/>
            <a:ext cx="10895013" cy="4549550"/>
          </a:xfrm>
        </p:spPr>
        <p:txBody>
          <a:bodyPr tIns="684000" anchor="ctr" anchorCtr="0"/>
          <a:lstStyle>
            <a:lvl1pPr marL="0" indent="0" algn="ctr">
              <a:buNone/>
              <a:defRPr>
                <a:solidFill>
                  <a:schemeClr val="tx1"/>
                </a:solidFill>
              </a:defRPr>
            </a:lvl1pPr>
          </a:lstStyle>
          <a:p>
            <a:r>
              <a:rPr lang="da-DK" dirty="0"/>
              <a:t>Klik på ikonet for at indsætte agenda tabel</a:t>
            </a:r>
          </a:p>
        </p:txBody>
      </p:sp>
      <p:pic>
        <p:nvPicPr>
          <p:cNvPr id="4" name="Dynamic cover logo hvid" descr="{&quot;templafy&quot;:{&quot;id&quot;:&quot;9c927c54-3cb3-4ced-8419-cfa08ab704d1&quot;}}">
            <a:extLst>
              <a:ext uri="{FF2B5EF4-FFF2-40B4-BE49-F238E27FC236}">
                <a16:creationId xmlns:a16="http://schemas.microsoft.com/office/drawing/2014/main" id="{A9CC6E40-0D70-49FD-9C2F-C631194D5200}"/>
              </a:ext>
            </a:extLst>
          </p:cNvPr>
          <p:cNvPicPr>
            <a:picLocks noChangeAspect="1"/>
          </p:cNvPicPr>
          <p:nvPr userDrawn="1"/>
        </p:nvPicPr>
        <p:blipFill>
          <a:blip r:embed="rId2"/>
          <a:stretch>
            <a:fillRect/>
          </a:stretch>
        </p:blipFill>
        <p:spPr>
          <a:xfrm>
            <a:off x="0" y="5958000"/>
            <a:ext cx="2525088" cy="900000"/>
          </a:xfrm>
          <a:prstGeom prst="rect">
            <a:avLst/>
          </a:prstGeom>
        </p:spPr>
      </p:pic>
    </p:spTree>
    <p:extLst>
      <p:ext uri="{BB962C8B-B14F-4D97-AF65-F5344CB8AC3E}">
        <p14:creationId xmlns:p14="http://schemas.microsoft.com/office/powerpoint/2010/main" val="186772187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82">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Kapitel stor titel">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F4854BEB-E42B-41CA-9C2A-29C2A5ED8DE1}" type="datetime2">
              <a:rPr lang="da-DK" smtClean="0"/>
              <a:t>30. maj 2025</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18" name="Kombinationstegning: figur 17">
            <a:extLst>
              <a:ext uri="{FF2B5EF4-FFF2-40B4-BE49-F238E27FC236}">
                <a16:creationId xmlns:a16="http://schemas.microsoft.com/office/drawing/2014/main" id="{0BE627A4-7FDC-7163-2482-DB104564D43E}"/>
              </a:ext>
            </a:extLst>
          </p:cNvPr>
          <p:cNvSpPr>
            <a:spLocks noChangeAspect="1"/>
          </p:cNvSpPr>
          <p:nvPr userDrawn="1"/>
        </p:nvSpPr>
        <p:spPr>
          <a:xfrm>
            <a:off x="9777320" y="954000"/>
            <a:ext cx="1774842" cy="864000"/>
          </a:xfrm>
          <a:custGeom>
            <a:avLst/>
            <a:gdLst>
              <a:gd name="connsiteX0" fmla="*/ 162839 w 1774842"/>
              <a:gd name="connsiteY0" fmla="*/ 0 h 864000"/>
              <a:gd name="connsiteX1" fmla="*/ 1124753 w 1774842"/>
              <a:gd name="connsiteY1" fmla="*/ 0 h 864000"/>
              <a:gd name="connsiteX2" fmla="*/ 1182661 w 1774842"/>
              <a:gd name="connsiteY2" fmla="*/ 0 h 864000"/>
              <a:gd name="connsiteX3" fmla="*/ 1342842 w 1774842"/>
              <a:gd name="connsiteY3" fmla="*/ 0 h 864000"/>
              <a:gd name="connsiteX4" fmla="*/ 1345500 w 1774842"/>
              <a:gd name="connsiteY4" fmla="*/ 0 h 864000"/>
              <a:gd name="connsiteX5" fmla="*/ 1345500 w 1774842"/>
              <a:gd name="connsiteY5" fmla="*/ 268 h 864000"/>
              <a:gd name="connsiteX6" fmla="*/ 1429905 w 1774842"/>
              <a:gd name="connsiteY6" fmla="*/ 8777 h 864000"/>
              <a:gd name="connsiteX7" fmla="*/ 1774842 w 1774842"/>
              <a:gd name="connsiteY7" fmla="*/ 432000 h 864000"/>
              <a:gd name="connsiteX8" fmla="*/ 1429905 w 1774842"/>
              <a:gd name="connsiteY8" fmla="*/ 855223 h 864000"/>
              <a:gd name="connsiteX9" fmla="*/ 1345500 w 1774842"/>
              <a:gd name="connsiteY9" fmla="*/ 863732 h 864000"/>
              <a:gd name="connsiteX10" fmla="*/ 1345500 w 1774842"/>
              <a:gd name="connsiteY10" fmla="*/ 864000 h 864000"/>
              <a:gd name="connsiteX11" fmla="*/ 1342842 w 1774842"/>
              <a:gd name="connsiteY11" fmla="*/ 864000 h 864000"/>
              <a:gd name="connsiteX12" fmla="*/ 1182661 w 1774842"/>
              <a:gd name="connsiteY12" fmla="*/ 864000 h 864000"/>
              <a:gd name="connsiteX13" fmla="*/ 1124753 w 1774842"/>
              <a:gd name="connsiteY13" fmla="*/ 864000 h 864000"/>
              <a:gd name="connsiteX14" fmla="*/ 220747 w 1774842"/>
              <a:gd name="connsiteY14" fmla="*/ 864000 h 864000"/>
              <a:gd name="connsiteX15" fmla="*/ 162839 w 1774842"/>
              <a:gd name="connsiteY15" fmla="*/ 864000 h 864000"/>
              <a:gd name="connsiteX16" fmla="*/ 0 w 1774842"/>
              <a:gd name="connsiteY16" fmla="*/ 864000 h 864000"/>
              <a:gd name="connsiteX17" fmla="*/ 0 w 1774842"/>
              <a:gd name="connsiteY17" fmla="*/ 698648 h 864000"/>
              <a:gd name="connsiteX18" fmla="*/ 0 w 1774842"/>
              <a:gd name="connsiteY18" fmla="*/ 639847 h 864000"/>
              <a:gd name="connsiteX19" fmla="*/ 0 w 1774842"/>
              <a:gd name="connsiteY19" fmla="*/ 165352 h 864000"/>
              <a:gd name="connsiteX20" fmla="*/ 162839 w 1774842"/>
              <a:gd name="connsiteY20" fmla="*/ 0 h 8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74842" h="864000">
                <a:moveTo>
                  <a:pt x="162839" y="0"/>
                </a:moveTo>
                <a:lnTo>
                  <a:pt x="1124753" y="0"/>
                </a:lnTo>
                <a:lnTo>
                  <a:pt x="1182661" y="0"/>
                </a:lnTo>
                <a:lnTo>
                  <a:pt x="1342842" y="0"/>
                </a:lnTo>
                <a:lnTo>
                  <a:pt x="1345500" y="0"/>
                </a:lnTo>
                <a:lnTo>
                  <a:pt x="1345500" y="268"/>
                </a:lnTo>
                <a:lnTo>
                  <a:pt x="1429905" y="8777"/>
                </a:lnTo>
                <a:cubicBezTo>
                  <a:pt x="1626760" y="49059"/>
                  <a:pt x="1774842" y="223236"/>
                  <a:pt x="1774842" y="432000"/>
                </a:cubicBezTo>
                <a:cubicBezTo>
                  <a:pt x="1774842" y="640764"/>
                  <a:pt x="1626760" y="814941"/>
                  <a:pt x="1429905" y="855223"/>
                </a:cubicBezTo>
                <a:lnTo>
                  <a:pt x="1345500" y="863732"/>
                </a:lnTo>
                <a:lnTo>
                  <a:pt x="1345500" y="864000"/>
                </a:lnTo>
                <a:lnTo>
                  <a:pt x="1342842" y="864000"/>
                </a:lnTo>
                <a:lnTo>
                  <a:pt x="1182661" y="864000"/>
                </a:lnTo>
                <a:lnTo>
                  <a:pt x="1124753" y="864000"/>
                </a:lnTo>
                <a:lnTo>
                  <a:pt x="220747" y="864000"/>
                </a:lnTo>
                <a:lnTo>
                  <a:pt x="162839" y="864000"/>
                </a:lnTo>
                <a:lnTo>
                  <a:pt x="0" y="864000"/>
                </a:lnTo>
                <a:lnTo>
                  <a:pt x="0" y="698648"/>
                </a:lnTo>
                <a:lnTo>
                  <a:pt x="0" y="639847"/>
                </a:lnTo>
                <a:lnTo>
                  <a:pt x="0" y="165352"/>
                </a:lnTo>
                <a:cubicBezTo>
                  <a:pt x="0" y="74031"/>
                  <a:pt x="72906" y="0"/>
                  <a:pt x="162839"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24000" rIns="360000" bIns="360000" anchor="ctr" anchorCtr="0">
            <a:noAutofit/>
          </a:bodyPr>
          <a:lstStyle>
            <a:lvl1pPr algn="ctr">
              <a:lnSpc>
                <a:spcPct val="100000"/>
              </a:lnSpc>
              <a:defRPr sz="9600" b="0">
                <a:solidFill>
                  <a:schemeClr val="accent1"/>
                </a:solidFill>
              </a:defRPr>
            </a:lvl1pPr>
          </a:lstStyle>
          <a:p>
            <a:r>
              <a:rPr lang="da-DK" dirty="0"/>
              <a:t>Klik og tilføj titel</a:t>
            </a:r>
          </a:p>
        </p:txBody>
      </p:sp>
      <p:sp>
        <p:nvSpPr>
          <p:cNvPr id="3" name="Pladsholder til tekst 2">
            <a:extLst>
              <a:ext uri="{FF2B5EF4-FFF2-40B4-BE49-F238E27FC236}">
                <a16:creationId xmlns:a16="http://schemas.microsoft.com/office/drawing/2014/main" id="{F89E3EBE-8AA5-6E31-828C-000E9EB15518}"/>
              </a:ext>
            </a:extLst>
          </p:cNvPr>
          <p:cNvSpPr>
            <a:spLocks noGrp="1"/>
          </p:cNvSpPr>
          <p:nvPr>
            <p:ph type="body" sz="quarter" idx="18" hasCustomPrompt="1"/>
          </p:nvPr>
        </p:nvSpPr>
        <p:spPr>
          <a:xfrm>
            <a:off x="10226816" y="954000"/>
            <a:ext cx="900000" cy="864000"/>
          </a:xfrm>
        </p:spPr>
        <p:txBody>
          <a:bodyPr tIns="36000"/>
          <a:lstStyle>
            <a:lvl1pPr marL="0" indent="0">
              <a:lnSpc>
                <a:spcPct val="100000"/>
              </a:lnSpc>
              <a:spcAft>
                <a:spcPts val="0"/>
              </a:spcAft>
              <a:buNone/>
              <a:defRPr sz="5400">
                <a:solidFill>
                  <a:schemeClr val="bg1"/>
                </a:solidFill>
                <a:latin typeface="DI Numbers Office" pitchFamily="2" charset="0"/>
              </a:defRPr>
            </a:lvl1pPr>
            <a:lvl2pPr marL="0" indent="0">
              <a:lnSpc>
                <a:spcPct val="100000"/>
              </a:lnSpc>
              <a:spcAft>
                <a:spcPts val="0"/>
              </a:spcAft>
              <a:buNone/>
              <a:defRPr sz="5400">
                <a:latin typeface="DI Numbers Office" pitchFamily="2" charset="0"/>
              </a:defRPr>
            </a:lvl2pPr>
            <a:lvl3pPr marL="0" indent="0">
              <a:lnSpc>
                <a:spcPct val="100000"/>
              </a:lnSpc>
              <a:spcAft>
                <a:spcPts val="0"/>
              </a:spcAft>
              <a:buNone/>
              <a:defRPr sz="5400">
                <a:latin typeface="DI Numbers Office" pitchFamily="2" charset="0"/>
              </a:defRPr>
            </a:lvl3pPr>
            <a:lvl4pPr marL="0">
              <a:lnSpc>
                <a:spcPct val="100000"/>
              </a:lnSpc>
              <a:spcAft>
                <a:spcPts val="0"/>
              </a:spcAft>
              <a:buNone/>
              <a:defRPr sz="5400">
                <a:latin typeface="DI Numbers Office" pitchFamily="2" charset="0"/>
              </a:defRPr>
            </a:lvl4pPr>
            <a:lvl5pPr marL="0">
              <a:lnSpc>
                <a:spcPct val="100000"/>
              </a:lnSpc>
              <a:spcAft>
                <a:spcPts val="0"/>
              </a:spcAft>
              <a:buNone/>
              <a:defRPr sz="5400">
                <a:latin typeface="DI Numbers Office" pitchFamily="2" charset="0"/>
              </a:defRPr>
            </a:lvl5pPr>
            <a:lvl6pPr marL="0" indent="0">
              <a:lnSpc>
                <a:spcPct val="100000"/>
              </a:lnSpc>
              <a:spcAft>
                <a:spcPts val="0"/>
              </a:spcAft>
              <a:buNone/>
              <a:defRPr sz="5400">
                <a:latin typeface="DI Numbers Office" pitchFamily="2" charset="0"/>
              </a:defRPr>
            </a:lvl6pPr>
            <a:lvl7pPr marL="0">
              <a:lnSpc>
                <a:spcPct val="100000"/>
              </a:lnSpc>
              <a:spcAft>
                <a:spcPts val="0"/>
              </a:spcAft>
              <a:buNone/>
              <a:defRPr sz="5400">
                <a:latin typeface="DI Numbers Office" pitchFamily="2" charset="0"/>
              </a:defRPr>
            </a:lvl7pPr>
            <a:lvl8pPr marL="0">
              <a:lnSpc>
                <a:spcPct val="100000"/>
              </a:lnSpc>
              <a:spcAft>
                <a:spcPts val="0"/>
              </a:spcAft>
              <a:buNone/>
              <a:defRPr sz="5400">
                <a:latin typeface="DI Numbers Office" pitchFamily="2" charset="0"/>
              </a:defRPr>
            </a:lvl8pPr>
            <a:lvl9pPr marL="0">
              <a:lnSpc>
                <a:spcPct val="100000"/>
              </a:lnSpc>
              <a:spcAft>
                <a:spcPts val="0"/>
              </a:spcAft>
              <a:buNone/>
              <a:defRPr sz="5400">
                <a:latin typeface="DI Numbers Office" pitchFamily="2" charset="0"/>
              </a:defRPr>
            </a:lvl9pPr>
          </a:lstStyle>
          <a:p>
            <a:pPr lvl="0"/>
            <a:r>
              <a:rPr lang="da-DK" noProof="0" dirty="0"/>
              <a:t>01</a:t>
            </a:r>
          </a:p>
        </p:txBody>
      </p:sp>
    </p:spTree>
    <p:extLst>
      <p:ext uri="{BB962C8B-B14F-4D97-AF65-F5344CB8AC3E}">
        <p14:creationId xmlns:p14="http://schemas.microsoft.com/office/powerpoint/2010/main" val="128908799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apitel lille titel">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B1A1CD55-E521-44FD-A6A5-0C1A34CA2475}" type="datetime2">
              <a:rPr lang="da-DK" smtClean="0"/>
              <a:t>30. maj 2025</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60000" rIns="360000" bIns="360000" anchor="t" anchorCtr="0">
            <a:noAutofit/>
          </a:bodyPr>
          <a:lstStyle>
            <a:lvl1pPr algn="l">
              <a:lnSpc>
                <a:spcPct val="89000"/>
              </a:lnSpc>
              <a:defRPr sz="4800" b="0">
                <a:solidFill>
                  <a:schemeClr val="accent1"/>
                </a:solidFill>
              </a:defRPr>
            </a:lvl1pPr>
          </a:lstStyle>
          <a:p>
            <a:r>
              <a:rPr lang="da-DK" dirty="0"/>
              <a:t>Klik og tilføj titel</a:t>
            </a:r>
          </a:p>
        </p:txBody>
      </p:sp>
      <p:sp>
        <p:nvSpPr>
          <p:cNvPr id="2" name="Kombinationstegning: figur 1">
            <a:extLst>
              <a:ext uri="{FF2B5EF4-FFF2-40B4-BE49-F238E27FC236}">
                <a16:creationId xmlns:a16="http://schemas.microsoft.com/office/drawing/2014/main" id="{25FAA383-8643-B920-15C7-85B2976664FC}"/>
              </a:ext>
            </a:extLst>
          </p:cNvPr>
          <p:cNvSpPr>
            <a:spLocks noChangeAspect="1"/>
          </p:cNvSpPr>
          <p:nvPr userDrawn="1"/>
        </p:nvSpPr>
        <p:spPr>
          <a:xfrm>
            <a:off x="9777320" y="954000"/>
            <a:ext cx="1774842" cy="864000"/>
          </a:xfrm>
          <a:custGeom>
            <a:avLst/>
            <a:gdLst>
              <a:gd name="connsiteX0" fmla="*/ 162839 w 1774842"/>
              <a:gd name="connsiteY0" fmla="*/ 0 h 864000"/>
              <a:gd name="connsiteX1" fmla="*/ 1124753 w 1774842"/>
              <a:gd name="connsiteY1" fmla="*/ 0 h 864000"/>
              <a:gd name="connsiteX2" fmla="*/ 1182661 w 1774842"/>
              <a:gd name="connsiteY2" fmla="*/ 0 h 864000"/>
              <a:gd name="connsiteX3" fmla="*/ 1342842 w 1774842"/>
              <a:gd name="connsiteY3" fmla="*/ 0 h 864000"/>
              <a:gd name="connsiteX4" fmla="*/ 1345500 w 1774842"/>
              <a:gd name="connsiteY4" fmla="*/ 0 h 864000"/>
              <a:gd name="connsiteX5" fmla="*/ 1345500 w 1774842"/>
              <a:gd name="connsiteY5" fmla="*/ 268 h 864000"/>
              <a:gd name="connsiteX6" fmla="*/ 1429905 w 1774842"/>
              <a:gd name="connsiteY6" fmla="*/ 8777 h 864000"/>
              <a:gd name="connsiteX7" fmla="*/ 1774842 w 1774842"/>
              <a:gd name="connsiteY7" fmla="*/ 432000 h 864000"/>
              <a:gd name="connsiteX8" fmla="*/ 1429905 w 1774842"/>
              <a:gd name="connsiteY8" fmla="*/ 855223 h 864000"/>
              <a:gd name="connsiteX9" fmla="*/ 1345500 w 1774842"/>
              <a:gd name="connsiteY9" fmla="*/ 863732 h 864000"/>
              <a:gd name="connsiteX10" fmla="*/ 1345500 w 1774842"/>
              <a:gd name="connsiteY10" fmla="*/ 864000 h 864000"/>
              <a:gd name="connsiteX11" fmla="*/ 1342842 w 1774842"/>
              <a:gd name="connsiteY11" fmla="*/ 864000 h 864000"/>
              <a:gd name="connsiteX12" fmla="*/ 1182661 w 1774842"/>
              <a:gd name="connsiteY12" fmla="*/ 864000 h 864000"/>
              <a:gd name="connsiteX13" fmla="*/ 1124753 w 1774842"/>
              <a:gd name="connsiteY13" fmla="*/ 864000 h 864000"/>
              <a:gd name="connsiteX14" fmla="*/ 220747 w 1774842"/>
              <a:gd name="connsiteY14" fmla="*/ 864000 h 864000"/>
              <a:gd name="connsiteX15" fmla="*/ 162839 w 1774842"/>
              <a:gd name="connsiteY15" fmla="*/ 864000 h 864000"/>
              <a:gd name="connsiteX16" fmla="*/ 0 w 1774842"/>
              <a:gd name="connsiteY16" fmla="*/ 864000 h 864000"/>
              <a:gd name="connsiteX17" fmla="*/ 0 w 1774842"/>
              <a:gd name="connsiteY17" fmla="*/ 698648 h 864000"/>
              <a:gd name="connsiteX18" fmla="*/ 0 w 1774842"/>
              <a:gd name="connsiteY18" fmla="*/ 639847 h 864000"/>
              <a:gd name="connsiteX19" fmla="*/ 0 w 1774842"/>
              <a:gd name="connsiteY19" fmla="*/ 165352 h 864000"/>
              <a:gd name="connsiteX20" fmla="*/ 162839 w 1774842"/>
              <a:gd name="connsiteY20" fmla="*/ 0 h 8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74842" h="864000">
                <a:moveTo>
                  <a:pt x="162839" y="0"/>
                </a:moveTo>
                <a:lnTo>
                  <a:pt x="1124753" y="0"/>
                </a:lnTo>
                <a:lnTo>
                  <a:pt x="1182661" y="0"/>
                </a:lnTo>
                <a:lnTo>
                  <a:pt x="1342842" y="0"/>
                </a:lnTo>
                <a:lnTo>
                  <a:pt x="1345500" y="0"/>
                </a:lnTo>
                <a:lnTo>
                  <a:pt x="1345500" y="268"/>
                </a:lnTo>
                <a:lnTo>
                  <a:pt x="1429905" y="8777"/>
                </a:lnTo>
                <a:cubicBezTo>
                  <a:pt x="1626760" y="49059"/>
                  <a:pt x="1774842" y="223236"/>
                  <a:pt x="1774842" y="432000"/>
                </a:cubicBezTo>
                <a:cubicBezTo>
                  <a:pt x="1774842" y="640764"/>
                  <a:pt x="1626760" y="814941"/>
                  <a:pt x="1429905" y="855223"/>
                </a:cubicBezTo>
                <a:lnTo>
                  <a:pt x="1345500" y="863732"/>
                </a:lnTo>
                <a:lnTo>
                  <a:pt x="1345500" y="864000"/>
                </a:lnTo>
                <a:lnTo>
                  <a:pt x="1342842" y="864000"/>
                </a:lnTo>
                <a:lnTo>
                  <a:pt x="1182661" y="864000"/>
                </a:lnTo>
                <a:lnTo>
                  <a:pt x="1124753" y="864000"/>
                </a:lnTo>
                <a:lnTo>
                  <a:pt x="220747" y="864000"/>
                </a:lnTo>
                <a:lnTo>
                  <a:pt x="162839" y="864000"/>
                </a:lnTo>
                <a:lnTo>
                  <a:pt x="0" y="864000"/>
                </a:lnTo>
                <a:lnTo>
                  <a:pt x="0" y="698648"/>
                </a:lnTo>
                <a:lnTo>
                  <a:pt x="0" y="639847"/>
                </a:lnTo>
                <a:lnTo>
                  <a:pt x="0" y="165352"/>
                </a:lnTo>
                <a:cubicBezTo>
                  <a:pt x="0" y="74031"/>
                  <a:pt x="72906" y="0"/>
                  <a:pt x="162839"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 name="Pladsholder til tekst 2">
            <a:extLst>
              <a:ext uri="{FF2B5EF4-FFF2-40B4-BE49-F238E27FC236}">
                <a16:creationId xmlns:a16="http://schemas.microsoft.com/office/drawing/2014/main" id="{78B7FA76-02C7-CC47-03AF-000FF6CEDE34}"/>
              </a:ext>
            </a:extLst>
          </p:cNvPr>
          <p:cNvSpPr>
            <a:spLocks noGrp="1"/>
          </p:cNvSpPr>
          <p:nvPr>
            <p:ph type="body" sz="quarter" idx="18" hasCustomPrompt="1"/>
          </p:nvPr>
        </p:nvSpPr>
        <p:spPr>
          <a:xfrm>
            <a:off x="10226816" y="954000"/>
            <a:ext cx="900000" cy="864000"/>
          </a:xfrm>
        </p:spPr>
        <p:txBody>
          <a:bodyPr tIns="36000"/>
          <a:lstStyle>
            <a:lvl1pPr marL="0" indent="0">
              <a:lnSpc>
                <a:spcPct val="100000"/>
              </a:lnSpc>
              <a:spcAft>
                <a:spcPts val="0"/>
              </a:spcAft>
              <a:buNone/>
              <a:defRPr sz="5400">
                <a:solidFill>
                  <a:schemeClr val="bg1"/>
                </a:solidFill>
                <a:latin typeface="DI Numbers Office" pitchFamily="2" charset="0"/>
              </a:defRPr>
            </a:lvl1pPr>
            <a:lvl2pPr marL="0" indent="0">
              <a:lnSpc>
                <a:spcPct val="100000"/>
              </a:lnSpc>
              <a:spcAft>
                <a:spcPts val="0"/>
              </a:spcAft>
              <a:buNone/>
              <a:defRPr sz="5400">
                <a:latin typeface="DI Numbers Office" pitchFamily="2" charset="0"/>
              </a:defRPr>
            </a:lvl2pPr>
            <a:lvl3pPr marL="0" indent="0">
              <a:lnSpc>
                <a:spcPct val="100000"/>
              </a:lnSpc>
              <a:spcAft>
                <a:spcPts val="0"/>
              </a:spcAft>
              <a:buNone/>
              <a:defRPr sz="5400">
                <a:latin typeface="DI Numbers Office" pitchFamily="2" charset="0"/>
              </a:defRPr>
            </a:lvl3pPr>
            <a:lvl4pPr marL="0">
              <a:lnSpc>
                <a:spcPct val="100000"/>
              </a:lnSpc>
              <a:spcAft>
                <a:spcPts val="0"/>
              </a:spcAft>
              <a:buNone/>
              <a:defRPr sz="5400">
                <a:latin typeface="DI Numbers Office" pitchFamily="2" charset="0"/>
              </a:defRPr>
            </a:lvl4pPr>
            <a:lvl5pPr marL="0">
              <a:lnSpc>
                <a:spcPct val="100000"/>
              </a:lnSpc>
              <a:spcAft>
                <a:spcPts val="0"/>
              </a:spcAft>
              <a:buNone/>
              <a:defRPr sz="5400">
                <a:latin typeface="DI Numbers Office" pitchFamily="2" charset="0"/>
              </a:defRPr>
            </a:lvl5pPr>
            <a:lvl6pPr marL="0" indent="0">
              <a:lnSpc>
                <a:spcPct val="100000"/>
              </a:lnSpc>
              <a:spcAft>
                <a:spcPts val="0"/>
              </a:spcAft>
              <a:buNone/>
              <a:defRPr sz="5400">
                <a:latin typeface="DI Numbers Office" pitchFamily="2" charset="0"/>
              </a:defRPr>
            </a:lvl6pPr>
            <a:lvl7pPr marL="0">
              <a:lnSpc>
                <a:spcPct val="100000"/>
              </a:lnSpc>
              <a:spcAft>
                <a:spcPts val="0"/>
              </a:spcAft>
              <a:buNone/>
              <a:defRPr sz="5400">
                <a:latin typeface="DI Numbers Office" pitchFamily="2" charset="0"/>
              </a:defRPr>
            </a:lvl7pPr>
            <a:lvl8pPr marL="0">
              <a:lnSpc>
                <a:spcPct val="100000"/>
              </a:lnSpc>
              <a:spcAft>
                <a:spcPts val="0"/>
              </a:spcAft>
              <a:buNone/>
              <a:defRPr sz="5400">
                <a:latin typeface="DI Numbers Office" pitchFamily="2" charset="0"/>
              </a:defRPr>
            </a:lvl8pPr>
            <a:lvl9pPr marL="0">
              <a:lnSpc>
                <a:spcPct val="100000"/>
              </a:lnSpc>
              <a:spcAft>
                <a:spcPts val="0"/>
              </a:spcAft>
              <a:buNone/>
              <a:defRPr sz="5400">
                <a:latin typeface="DI Numbers Office" pitchFamily="2" charset="0"/>
              </a:defRPr>
            </a:lvl9pPr>
          </a:lstStyle>
          <a:p>
            <a:pPr lvl="0"/>
            <a:r>
              <a:rPr lang="da-DK" noProof="0" dirty="0"/>
              <a:t>02</a:t>
            </a:r>
          </a:p>
        </p:txBody>
      </p:sp>
    </p:spTree>
    <p:extLst>
      <p:ext uri="{BB962C8B-B14F-4D97-AF65-F5344CB8AC3E}">
        <p14:creationId xmlns:p14="http://schemas.microsoft.com/office/powerpoint/2010/main" val="2130436104"/>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el og et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indsætte overskrift – max. to linjer</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
        <p:nvSpPr>
          <p:cNvPr id="4" name="Text Placeholder note">
            <a:extLst>
              <a:ext uri="{FF2B5EF4-FFF2-40B4-BE49-F238E27FC236}">
                <a16:creationId xmlns:a16="http://schemas.microsoft.com/office/drawing/2014/main" id="{EF0AF0F1-4779-0FFA-EF48-5157A6907B78}"/>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5" name="Pladsholder til dato 4" hidden="1">
            <a:extLst>
              <a:ext uri="{FF2B5EF4-FFF2-40B4-BE49-F238E27FC236}">
                <a16:creationId xmlns:a16="http://schemas.microsoft.com/office/drawing/2014/main" id="{EB0117F5-CCCE-538C-5F4B-9E83D036A40E}"/>
              </a:ext>
            </a:extLst>
          </p:cNvPr>
          <p:cNvSpPr>
            <a:spLocks noGrp="1"/>
          </p:cNvSpPr>
          <p:nvPr>
            <p:ph type="dt" sz="half" idx="18"/>
          </p:nvPr>
        </p:nvSpPr>
        <p:spPr/>
        <p:txBody>
          <a:bodyPr/>
          <a:lstStyle/>
          <a:p>
            <a:fld id="{44D8C6C3-D430-4DAF-92AA-EBC816A3542B}" type="datetime2">
              <a:rPr lang="da-DK" smtClean="0"/>
              <a:t>30. maj 2025</a:t>
            </a:fld>
            <a:endParaRPr lang="da-DK" dirty="0"/>
          </a:p>
        </p:txBody>
      </p:sp>
      <p:sp>
        <p:nvSpPr>
          <p:cNvPr id="6" name="Pladsholder til sidefod 5" hidden="1">
            <a:extLst>
              <a:ext uri="{FF2B5EF4-FFF2-40B4-BE49-F238E27FC236}">
                <a16:creationId xmlns:a16="http://schemas.microsoft.com/office/drawing/2014/main" id="{D6A145C2-3E64-4708-3BF6-DC7B93D613B7}"/>
              </a:ext>
            </a:extLst>
          </p:cNvPr>
          <p:cNvSpPr>
            <a:spLocks noGrp="1"/>
          </p:cNvSpPr>
          <p:nvPr>
            <p:ph type="ftr" sz="quarter" idx="19"/>
          </p:nvPr>
        </p:nvSpPr>
        <p:spPr/>
        <p:txBody>
          <a:bodyPr/>
          <a:lstStyle/>
          <a:p>
            <a:endParaRPr lang="da-DK" dirty="0"/>
          </a:p>
        </p:txBody>
      </p:sp>
      <p:sp>
        <p:nvSpPr>
          <p:cNvPr id="7" name="Pladsholder til slidenummer 6" hidden="1">
            <a:extLst>
              <a:ext uri="{FF2B5EF4-FFF2-40B4-BE49-F238E27FC236}">
                <a16:creationId xmlns:a16="http://schemas.microsoft.com/office/drawing/2014/main" id="{17F63FBC-E640-C1CF-FE98-D81C05D36683}"/>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932925142"/>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Forside grafik og billede">
    <p:bg>
      <p:bgPr>
        <a:solidFill>
          <a:schemeClr val="bg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F0F9CC8B-76AD-439D-B13F-C37266E9F73E}" type="datetime2">
              <a:rPr lang="da-DK" smtClean="0"/>
              <a:t>30. maj 2025</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51" name="Kombinationstegning: figur 50">
            <a:extLst>
              <a:ext uri="{FF2B5EF4-FFF2-40B4-BE49-F238E27FC236}">
                <a16:creationId xmlns:a16="http://schemas.microsoft.com/office/drawing/2014/main" id="{E7C26656-999E-E543-4486-447B68DD471C}"/>
              </a:ext>
            </a:extLst>
          </p:cNvPr>
          <p:cNvSpPr/>
          <p:nvPr userDrawn="1"/>
        </p:nvSpPr>
        <p:spPr>
          <a:xfrm>
            <a:off x="1904246" y="245097"/>
            <a:ext cx="5463070" cy="2666656"/>
          </a:xfrm>
          <a:custGeom>
            <a:avLst/>
            <a:gdLst>
              <a:gd name="connsiteX0" fmla="*/ 181093 w 5463070"/>
              <a:gd name="connsiteY0" fmla="*/ 0 h 2666656"/>
              <a:gd name="connsiteX1" fmla="*/ 5281977 w 5463070"/>
              <a:gd name="connsiteY1" fmla="*/ 0 h 2666656"/>
              <a:gd name="connsiteX2" fmla="*/ 5463070 w 5463070"/>
              <a:gd name="connsiteY2" fmla="*/ 181093 h 2666656"/>
              <a:gd name="connsiteX3" fmla="*/ 5463070 w 5463070"/>
              <a:gd name="connsiteY3" fmla="*/ 2485563 h 2666656"/>
              <a:gd name="connsiteX4" fmla="*/ 5281977 w 5463070"/>
              <a:gd name="connsiteY4" fmla="*/ 2666656 h 2666656"/>
              <a:gd name="connsiteX5" fmla="*/ 575035 w 5463070"/>
              <a:gd name="connsiteY5" fmla="*/ 2666656 h 2666656"/>
              <a:gd name="connsiteX6" fmla="*/ 181093 w 5463070"/>
              <a:gd name="connsiteY6" fmla="*/ 2666656 h 2666656"/>
              <a:gd name="connsiteX7" fmla="*/ 0 w 5463070"/>
              <a:gd name="connsiteY7" fmla="*/ 2666656 h 2666656"/>
              <a:gd name="connsiteX8" fmla="*/ 0 w 5463070"/>
              <a:gd name="connsiteY8" fmla="*/ 2485563 h 2666656"/>
              <a:gd name="connsiteX9" fmla="*/ 0 w 5463070"/>
              <a:gd name="connsiteY9" fmla="*/ 2082194 h 2666656"/>
              <a:gd name="connsiteX10" fmla="*/ 0 w 5463070"/>
              <a:gd name="connsiteY10" fmla="*/ 181093 h 2666656"/>
              <a:gd name="connsiteX11" fmla="*/ 181093 w 5463070"/>
              <a:gd name="connsiteY11" fmla="*/ 0 h 26666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463070" h="2666656">
                <a:moveTo>
                  <a:pt x="181093" y="0"/>
                </a:moveTo>
                <a:lnTo>
                  <a:pt x="5281977" y="0"/>
                </a:lnTo>
                <a:cubicBezTo>
                  <a:pt x="5381992" y="0"/>
                  <a:pt x="5463070" y="81078"/>
                  <a:pt x="5463070" y="181093"/>
                </a:cubicBezTo>
                <a:lnTo>
                  <a:pt x="5463070" y="2485563"/>
                </a:lnTo>
                <a:cubicBezTo>
                  <a:pt x="5463070" y="2585578"/>
                  <a:pt x="5381992" y="2666656"/>
                  <a:pt x="5281977" y="2666656"/>
                </a:cubicBezTo>
                <a:lnTo>
                  <a:pt x="575035" y="2666656"/>
                </a:lnTo>
                <a:lnTo>
                  <a:pt x="181093" y="2666656"/>
                </a:lnTo>
                <a:lnTo>
                  <a:pt x="0" y="2666656"/>
                </a:lnTo>
                <a:lnTo>
                  <a:pt x="0" y="2485563"/>
                </a:lnTo>
                <a:lnTo>
                  <a:pt x="0" y="2082194"/>
                </a:lnTo>
                <a:lnTo>
                  <a:pt x="0" y="181093"/>
                </a:lnTo>
                <a:cubicBezTo>
                  <a:pt x="0" y="81078"/>
                  <a:pt x="81078" y="0"/>
                  <a:pt x="181093"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9" name="Kombinationstegning: figur 48">
            <a:extLst>
              <a:ext uri="{FF2B5EF4-FFF2-40B4-BE49-F238E27FC236}">
                <a16:creationId xmlns:a16="http://schemas.microsoft.com/office/drawing/2014/main" id="{755B547F-186A-F034-8199-2C5F8838F2F1}"/>
              </a:ext>
            </a:extLst>
          </p:cNvPr>
          <p:cNvSpPr/>
          <p:nvPr userDrawn="1"/>
        </p:nvSpPr>
        <p:spPr>
          <a:xfrm>
            <a:off x="0" y="1"/>
            <a:ext cx="1653766" cy="2900487"/>
          </a:xfrm>
          <a:custGeom>
            <a:avLst/>
            <a:gdLst>
              <a:gd name="connsiteX0" fmla="*/ 0 w 1653766"/>
              <a:gd name="connsiteY0" fmla="*/ 0 h 2900487"/>
              <a:gd name="connsiteX1" fmla="*/ 163177 w 1653766"/>
              <a:gd name="connsiteY1" fmla="*/ 0 h 2900487"/>
              <a:gd name="connsiteX2" fmla="*/ 575035 w 1653766"/>
              <a:gd name="connsiteY2" fmla="*/ 0 h 2900487"/>
              <a:gd name="connsiteX3" fmla="*/ 1078731 w 1653766"/>
              <a:gd name="connsiteY3" fmla="*/ 0 h 2900487"/>
              <a:gd name="connsiteX4" fmla="*/ 1490589 w 1653766"/>
              <a:gd name="connsiteY4" fmla="*/ 0 h 2900487"/>
              <a:gd name="connsiteX5" fmla="*/ 1653766 w 1653766"/>
              <a:gd name="connsiteY5" fmla="*/ 0 h 2900487"/>
              <a:gd name="connsiteX6" fmla="*/ 1653766 w 1653766"/>
              <a:gd name="connsiteY6" fmla="*/ 163177 h 2900487"/>
              <a:gd name="connsiteX7" fmla="*/ 1653766 w 1653766"/>
              <a:gd name="connsiteY7" fmla="*/ 584462 h 2900487"/>
              <a:gd name="connsiteX8" fmla="*/ 1653766 w 1653766"/>
              <a:gd name="connsiteY8" fmla="*/ 2737310 h 2900487"/>
              <a:gd name="connsiteX9" fmla="*/ 1490589 w 1653766"/>
              <a:gd name="connsiteY9" fmla="*/ 2900487 h 2900487"/>
              <a:gd name="connsiteX10" fmla="*/ 575035 w 1653766"/>
              <a:gd name="connsiteY10" fmla="*/ 2900487 h 2900487"/>
              <a:gd name="connsiteX11" fmla="*/ 163177 w 1653766"/>
              <a:gd name="connsiteY11" fmla="*/ 2900487 h 2900487"/>
              <a:gd name="connsiteX12" fmla="*/ 0 w 1653766"/>
              <a:gd name="connsiteY12" fmla="*/ 2900487 h 2900487"/>
              <a:gd name="connsiteX13" fmla="*/ 0 w 1653766"/>
              <a:gd name="connsiteY13" fmla="*/ 2737310 h 2900487"/>
              <a:gd name="connsiteX14" fmla="*/ 0 w 1653766"/>
              <a:gd name="connsiteY14" fmla="*/ 2316025 h 2900487"/>
              <a:gd name="connsiteX15" fmla="*/ 0 w 1653766"/>
              <a:gd name="connsiteY15" fmla="*/ 584462 h 2900487"/>
              <a:gd name="connsiteX16" fmla="*/ 0 w 1653766"/>
              <a:gd name="connsiteY16" fmla="*/ 163177 h 2900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653766" h="2900487">
                <a:moveTo>
                  <a:pt x="0" y="0"/>
                </a:moveTo>
                <a:lnTo>
                  <a:pt x="163177" y="0"/>
                </a:lnTo>
                <a:lnTo>
                  <a:pt x="575035" y="0"/>
                </a:lnTo>
                <a:lnTo>
                  <a:pt x="1078731" y="0"/>
                </a:lnTo>
                <a:lnTo>
                  <a:pt x="1490589" y="0"/>
                </a:lnTo>
                <a:lnTo>
                  <a:pt x="1653766" y="0"/>
                </a:lnTo>
                <a:lnTo>
                  <a:pt x="1653766" y="163177"/>
                </a:lnTo>
                <a:lnTo>
                  <a:pt x="1653766" y="584462"/>
                </a:lnTo>
                <a:lnTo>
                  <a:pt x="1653766" y="2737310"/>
                </a:lnTo>
                <a:cubicBezTo>
                  <a:pt x="1653766" y="2827430"/>
                  <a:pt x="1580709" y="2900487"/>
                  <a:pt x="1490589" y="2900487"/>
                </a:cubicBezTo>
                <a:lnTo>
                  <a:pt x="575035" y="2900487"/>
                </a:lnTo>
                <a:lnTo>
                  <a:pt x="163177" y="2900487"/>
                </a:lnTo>
                <a:lnTo>
                  <a:pt x="0" y="2900487"/>
                </a:lnTo>
                <a:lnTo>
                  <a:pt x="0" y="2737310"/>
                </a:lnTo>
                <a:lnTo>
                  <a:pt x="0" y="2316025"/>
                </a:lnTo>
                <a:lnTo>
                  <a:pt x="0" y="584462"/>
                </a:lnTo>
                <a:lnTo>
                  <a:pt x="0" y="163177"/>
                </a:ln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52" name="Kombinationstegning: figur 51">
            <a:extLst>
              <a:ext uri="{FF2B5EF4-FFF2-40B4-BE49-F238E27FC236}">
                <a16:creationId xmlns:a16="http://schemas.microsoft.com/office/drawing/2014/main" id="{CAE133EE-A739-6965-8F7E-F72BBBD76339}"/>
              </a:ext>
            </a:extLst>
          </p:cNvPr>
          <p:cNvSpPr/>
          <p:nvPr userDrawn="1"/>
        </p:nvSpPr>
        <p:spPr>
          <a:xfrm>
            <a:off x="2541456" y="3171189"/>
            <a:ext cx="2029111" cy="1015913"/>
          </a:xfrm>
          <a:custGeom>
            <a:avLst/>
            <a:gdLst>
              <a:gd name="connsiteX0" fmla="*/ 173752 w 2029111"/>
              <a:gd name="connsiteY0" fmla="*/ 0 h 1015913"/>
              <a:gd name="connsiteX1" fmla="*/ 1855359 w 2029111"/>
              <a:gd name="connsiteY1" fmla="*/ 0 h 1015913"/>
              <a:gd name="connsiteX2" fmla="*/ 2029111 w 2029111"/>
              <a:gd name="connsiteY2" fmla="*/ 173752 h 1015913"/>
              <a:gd name="connsiteX3" fmla="*/ 2029111 w 2029111"/>
              <a:gd name="connsiteY3" fmla="*/ 431451 h 1015913"/>
              <a:gd name="connsiteX4" fmla="*/ 2029111 w 2029111"/>
              <a:gd name="connsiteY4" fmla="*/ 842161 h 1015913"/>
              <a:gd name="connsiteX5" fmla="*/ 2029111 w 2029111"/>
              <a:gd name="connsiteY5" fmla="*/ 1015913 h 1015913"/>
              <a:gd name="connsiteX6" fmla="*/ 1855359 w 2029111"/>
              <a:gd name="connsiteY6" fmla="*/ 1015913 h 1015913"/>
              <a:gd name="connsiteX7" fmla="*/ 1454076 w 2029111"/>
              <a:gd name="connsiteY7" fmla="*/ 1015913 h 1015913"/>
              <a:gd name="connsiteX8" fmla="*/ 173752 w 2029111"/>
              <a:gd name="connsiteY8" fmla="*/ 1015913 h 1015913"/>
              <a:gd name="connsiteX9" fmla="*/ 0 w 2029111"/>
              <a:gd name="connsiteY9" fmla="*/ 842161 h 1015913"/>
              <a:gd name="connsiteX10" fmla="*/ 0 w 2029111"/>
              <a:gd name="connsiteY10" fmla="*/ 173752 h 1015913"/>
              <a:gd name="connsiteX11" fmla="*/ 173752 w 2029111"/>
              <a:gd name="connsiteY11" fmla="*/ 0 h 1015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29111" h="1015913">
                <a:moveTo>
                  <a:pt x="173752" y="0"/>
                </a:moveTo>
                <a:lnTo>
                  <a:pt x="1855359" y="0"/>
                </a:lnTo>
                <a:cubicBezTo>
                  <a:pt x="1951320" y="0"/>
                  <a:pt x="2029111" y="77791"/>
                  <a:pt x="2029111" y="173752"/>
                </a:cubicBezTo>
                <a:lnTo>
                  <a:pt x="2029111" y="431451"/>
                </a:lnTo>
                <a:lnTo>
                  <a:pt x="2029111" y="842161"/>
                </a:lnTo>
                <a:lnTo>
                  <a:pt x="2029111" y="1015913"/>
                </a:lnTo>
                <a:lnTo>
                  <a:pt x="1855359" y="1015913"/>
                </a:lnTo>
                <a:lnTo>
                  <a:pt x="1454076" y="1015913"/>
                </a:lnTo>
                <a:lnTo>
                  <a:pt x="173752" y="1015913"/>
                </a:lnTo>
                <a:cubicBezTo>
                  <a:pt x="77791" y="1015913"/>
                  <a:pt x="0" y="938122"/>
                  <a:pt x="0" y="842161"/>
                </a:cubicBezTo>
                <a:lnTo>
                  <a:pt x="0" y="173752"/>
                </a:lnTo>
                <a:cubicBezTo>
                  <a:pt x="0" y="77791"/>
                  <a:pt x="77791" y="0"/>
                  <a:pt x="173752"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9" y="647999"/>
            <a:ext cx="6246514" cy="2052000"/>
          </a:xfrm>
        </p:spPr>
        <p:txBody>
          <a:bodyPr anchor="t" anchorCtr="0"/>
          <a:lstStyle>
            <a:lvl1pPr algn="l">
              <a:defRPr sz="4800">
                <a:solidFill>
                  <a:schemeClr val="accent1"/>
                </a:solidFill>
              </a:defRPr>
            </a:lvl1pPr>
          </a:lstStyle>
          <a:p>
            <a:r>
              <a:rPr lang="da-DK" dirty="0"/>
              <a:t>Klik for at indsætte overskrift – max. tre linjer</a:t>
            </a:r>
          </a:p>
        </p:txBody>
      </p:sp>
      <p:sp>
        <p:nvSpPr>
          <p:cNvPr id="10" name="Pladsholder til billede 9">
            <a:extLst>
              <a:ext uri="{FF2B5EF4-FFF2-40B4-BE49-F238E27FC236}">
                <a16:creationId xmlns:a16="http://schemas.microsoft.com/office/drawing/2014/main" id="{DC6C5979-C79E-DC54-42DC-16CE569AC6B9}"/>
              </a:ext>
            </a:extLst>
          </p:cNvPr>
          <p:cNvSpPr>
            <a:spLocks noGrp="1"/>
          </p:cNvSpPr>
          <p:nvPr>
            <p:ph type="pic" sz="quarter" idx="14" hasCustomPrompt="1"/>
          </p:nvPr>
        </p:nvSpPr>
        <p:spPr>
          <a:xfrm>
            <a:off x="4823104" y="3171189"/>
            <a:ext cx="7368895" cy="3053532"/>
          </a:xfrm>
          <a:custGeom>
            <a:avLst/>
            <a:gdLst>
              <a:gd name="connsiteX0" fmla="*/ 153837 w 7368895"/>
              <a:gd name="connsiteY0" fmla="*/ 0 h 3053532"/>
              <a:gd name="connsiteX1" fmla="*/ 6614751 w 7368895"/>
              <a:gd name="connsiteY1" fmla="*/ 0 h 3053532"/>
              <a:gd name="connsiteX2" fmla="*/ 7215058 w 7368895"/>
              <a:gd name="connsiteY2" fmla="*/ 0 h 3053532"/>
              <a:gd name="connsiteX3" fmla="*/ 7368895 w 7368895"/>
              <a:gd name="connsiteY3" fmla="*/ 0 h 3053532"/>
              <a:gd name="connsiteX4" fmla="*/ 7368895 w 7368895"/>
              <a:gd name="connsiteY4" fmla="*/ 153837 h 3053532"/>
              <a:gd name="connsiteX5" fmla="*/ 7368895 w 7368895"/>
              <a:gd name="connsiteY5" fmla="*/ 820132 h 3053532"/>
              <a:gd name="connsiteX6" fmla="*/ 7368895 w 7368895"/>
              <a:gd name="connsiteY6" fmla="*/ 2233400 h 3053532"/>
              <a:gd name="connsiteX7" fmla="*/ 7368895 w 7368895"/>
              <a:gd name="connsiteY7" fmla="*/ 2899695 h 3053532"/>
              <a:gd name="connsiteX8" fmla="*/ 7368895 w 7368895"/>
              <a:gd name="connsiteY8" fmla="*/ 3053532 h 3053532"/>
              <a:gd name="connsiteX9" fmla="*/ 7215058 w 7368895"/>
              <a:gd name="connsiteY9" fmla="*/ 3053532 h 3053532"/>
              <a:gd name="connsiteX10" fmla="*/ 6614751 w 7368895"/>
              <a:gd name="connsiteY10" fmla="*/ 3053532 h 3053532"/>
              <a:gd name="connsiteX11" fmla="*/ 153837 w 7368895"/>
              <a:gd name="connsiteY11" fmla="*/ 3053532 h 3053532"/>
              <a:gd name="connsiteX12" fmla="*/ 0 w 7368895"/>
              <a:gd name="connsiteY12" fmla="*/ 2899695 h 3053532"/>
              <a:gd name="connsiteX13" fmla="*/ 0 w 7368895"/>
              <a:gd name="connsiteY13" fmla="*/ 153837 h 3053532"/>
              <a:gd name="connsiteX14" fmla="*/ 153837 w 7368895"/>
              <a:gd name="connsiteY14" fmla="*/ 0 h 3053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368895" h="3053532">
                <a:moveTo>
                  <a:pt x="153837" y="0"/>
                </a:moveTo>
                <a:lnTo>
                  <a:pt x="6614751" y="0"/>
                </a:lnTo>
                <a:lnTo>
                  <a:pt x="7215058" y="0"/>
                </a:lnTo>
                <a:lnTo>
                  <a:pt x="7368895" y="0"/>
                </a:lnTo>
                <a:lnTo>
                  <a:pt x="7368895" y="153837"/>
                </a:lnTo>
                <a:lnTo>
                  <a:pt x="7368895" y="820132"/>
                </a:lnTo>
                <a:lnTo>
                  <a:pt x="7368895" y="2233400"/>
                </a:lnTo>
                <a:lnTo>
                  <a:pt x="7368895" y="2899695"/>
                </a:lnTo>
                <a:lnTo>
                  <a:pt x="7368895" y="3053532"/>
                </a:lnTo>
                <a:lnTo>
                  <a:pt x="7215058" y="3053532"/>
                </a:lnTo>
                <a:lnTo>
                  <a:pt x="6614751" y="3053532"/>
                </a:lnTo>
                <a:lnTo>
                  <a:pt x="153837" y="3053532"/>
                </a:lnTo>
                <a:cubicBezTo>
                  <a:pt x="68875" y="3053532"/>
                  <a:pt x="0" y="2984657"/>
                  <a:pt x="0" y="2899695"/>
                </a:cubicBezTo>
                <a:lnTo>
                  <a:pt x="0" y="153837"/>
                </a:lnTo>
                <a:cubicBezTo>
                  <a:pt x="0" y="68875"/>
                  <a:pt x="68875" y="0"/>
                  <a:pt x="153837"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p>
        </p:txBody>
      </p:sp>
      <p:sp>
        <p:nvSpPr>
          <p:cNvPr id="34" name="Kombinationstegning: figur 33">
            <a:extLst>
              <a:ext uri="{FF2B5EF4-FFF2-40B4-BE49-F238E27FC236}">
                <a16:creationId xmlns:a16="http://schemas.microsoft.com/office/drawing/2014/main" id="{E288D085-3325-26CA-2AFA-5BCC11B0C0B8}"/>
              </a:ext>
            </a:extLst>
          </p:cNvPr>
          <p:cNvSpPr/>
          <p:nvPr userDrawn="1"/>
        </p:nvSpPr>
        <p:spPr>
          <a:xfrm>
            <a:off x="0" y="3171189"/>
            <a:ext cx="2288370" cy="1400811"/>
          </a:xfrm>
          <a:custGeom>
            <a:avLst/>
            <a:gdLst>
              <a:gd name="connsiteX0" fmla="*/ 0 w 2288370"/>
              <a:gd name="connsiteY0" fmla="*/ 0 h 1400811"/>
              <a:gd name="connsiteX1" fmla="*/ 174289 w 2288370"/>
              <a:gd name="connsiteY1" fmla="*/ 0 h 1400811"/>
              <a:gd name="connsiteX2" fmla="*/ 575035 w 2288370"/>
              <a:gd name="connsiteY2" fmla="*/ 0 h 1400811"/>
              <a:gd name="connsiteX3" fmla="*/ 2114081 w 2288370"/>
              <a:gd name="connsiteY3" fmla="*/ 0 h 1400811"/>
              <a:gd name="connsiteX4" fmla="*/ 2288370 w 2288370"/>
              <a:gd name="connsiteY4" fmla="*/ 174289 h 1400811"/>
              <a:gd name="connsiteX5" fmla="*/ 2288370 w 2288370"/>
              <a:gd name="connsiteY5" fmla="*/ 816349 h 1400811"/>
              <a:gd name="connsiteX6" fmla="*/ 2288370 w 2288370"/>
              <a:gd name="connsiteY6" fmla="*/ 1226522 h 1400811"/>
              <a:gd name="connsiteX7" fmla="*/ 2288370 w 2288370"/>
              <a:gd name="connsiteY7" fmla="*/ 1400811 h 1400811"/>
              <a:gd name="connsiteX8" fmla="*/ 2114081 w 2288370"/>
              <a:gd name="connsiteY8" fmla="*/ 1400811 h 1400811"/>
              <a:gd name="connsiteX9" fmla="*/ 1713335 w 2288370"/>
              <a:gd name="connsiteY9" fmla="*/ 1400811 h 1400811"/>
              <a:gd name="connsiteX10" fmla="*/ 575035 w 2288370"/>
              <a:gd name="connsiteY10" fmla="*/ 1400811 h 1400811"/>
              <a:gd name="connsiteX11" fmla="*/ 174289 w 2288370"/>
              <a:gd name="connsiteY11" fmla="*/ 1400811 h 1400811"/>
              <a:gd name="connsiteX12" fmla="*/ 0 w 2288370"/>
              <a:gd name="connsiteY12" fmla="*/ 1400811 h 1400811"/>
              <a:gd name="connsiteX13" fmla="*/ 0 w 2288370"/>
              <a:gd name="connsiteY13" fmla="*/ 1226522 h 1400811"/>
              <a:gd name="connsiteX14" fmla="*/ 0 w 2288370"/>
              <a:gd name="connsiteY14" fmla="*/ 816349 h 1400811"/>
              <a:gd name="connsiteX15" fmla="*/ 0 w 2288370"/>
              <a:gd name="connsiteY15" fmla="*/ 584462 h 1400811"/>
              <a:gd name="connsiteX16" fmla="*/ 0 w 2288370"/>
              <a:gd name="connsiteY16" fmla="*/ 174289 h 14008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288370" h="1400811">
                <a:moveTo>
                  <a:pt x="0" y="0"/>
                </a:moveTo>
                <a:lnTo>
                  <a:pt x="174289" y="0"/>
                </a:lnTo>
                <a:lnTo>
                  <a:pt x="575035" y="0"/>
                </a:lnTo>
                <a:lnTo>
                  <a:pt x="2114081" y="0"/>
                </a:lnTo>
                <a:cubicBezTo>
                  <a:pt x="2210338" y="0"/>
                  <a:pt x="2288370" y="78032"/>
                  <a:pt x="2288370" y="174289"/>
                </a:cubicBezTo>
                <a:lnTo>
                  <a:pt x="2288370" y="816349"/>
                </a:lnTo>
                <a:lnTo>
                  <a:pt x="2288370" y="1226522"/>
                </a:lnTo>
                <a:lnTo>
                  <a:pt x="2288370" y="1400811"/>
                </a:lnTo>
                <a:lnTo>
                  <a:pt x="2114081" y="1400811"/>
                </a:lnTo>
                <a:lnTo>
                  <a:pt x="1713335" y="1400811"/>
                </a:lnTo>
                <a:lnTo>
                  <a:pt x="575035" y="1400811"/>
                </a:lnTo>
                <a:lnTo>
                  <a:pt x="174289" y="1400811"/>
                </a:lnTo>
                <a:lnTo>
                  <a:pt x="0" y="1400811"/>
                </a:lnTo>
                <a:lnTo>
                  <a:pt x="0" y="1226522"/>
                </a:lnTo>
                <a:lnTo>
                  <a:pt x="0" y="816349"/>
                </a:lnTo>
                <a:lnTo>
                  <a:pt x="0" y="584462"/>
                </a:lnTo>
                <a:lnTo>
                  <a:pt x="0" y="174289"/>
                </a:ln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2" name="Kombinationstegning: figur 21">
            <a:extLst>
              <a:ext uri="{FF2B5EF4-FFF2-40B4-BE49-F238E27FC236}">
                <a16:creationId xmlns:a16="http://schemas.microsoft.com/office/drawing/2014/main" id="{6E611502-B394-CFB5-0632-D4AE070A4C15}"/>
              </a:ext>
            </a:extLst>
          </p:cNvPr>
          <p:cNvSpPr/>
          <p:nvPr userDrawn="1"/>
        </p:nvSpPr>
        <p:spPr>
          <a:xfrm>
            <a:off x="9523026" y="255842"/>
            <a:ext cx="1781422" cy="2657040"/>
          </a:xfrm>
          <a:custGeom>
            <a:avLst/>
            <a:gdLst>
              <a:gd name="connsiteX0" fmla="*/ 161237 w 1781422"/>
              <a:gd name="connsiteY0" fmla="*/ 0 h 2657040"/>
              <a:gd name="connsiteX1" fmla="*/ 1620185 w 1781422"/>
              <a:gd name="connsiteY1" fmla="*/ 0 h 2657040"/>
              <a:gd name="connsiteX2" fmla="*/ 1781422 w 1781422"/>
              <a:gd name="connsiteY2" fmla="*/ 161237 h 2657040"/>
              <a:gd name="connsiteX3" fmla="*/ 1781422 w 1781422"/>
              <a:gd name="connsiteY3" fmla="*/ 2495803 h 2657040"/>
              <a:gd name="connsiteX4" fmla="*/ 1620185 w 1781422"/>
              <a:gd name="connsiteY4" fmla="*/ 2657040 h 2657040"/>
              <a:gd name="connsiteX5" fmla="*/ 575035 w 1781422"/>
              <a:gd name="connsiteY5" fmla="*/ 2657040 h 2657040"/>
              <a:gd name="connsiteX6" fmla="*/ 161237 w 1781422"/>
              <a:gd name="connsiteY6" fmla="*/ 2657040 h 2657040"/>
              <a:gd name="connsiteX7" fmla="*/ 0 w 1781422"/>
              <a:gd name="connsiteY7" fmla="*/ 2657040 h 2657040"/>
              <a:gd name="connsiteX8" fmla="*/ 0 w 1781422"/>
              <a:gd name="connsiteY8" fmla="*/ 2495803 h 2657040"/>
              <a:gd name="connsiteX9" fmla="*/ 0 w 1781422"/>
              <a:gd name="connsiteY9" fmla="*/ 2072578 h 2657040"/>
              <a:gd name="connsiteX10" fmla="*/ 0 w 1781422"/>
              <a:gd name="connsiteY10" fmla="*/ 161237 h 2657040"/>
              <a:gd name="connsiteX11" fmla="*/ 161237 w 1781422"/>
              <a:gd name="connsiteY11" fmla="*/ 0 h 2657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1422" h="2657040">
                <a:moveTo>
                  <a:pt x="161237" y="0"/>
                </a:moveTo>
                <a:lnTo>
                  <a:pt x="1620185" y="0"/>
                </a:lnTo>
                <a:cubicBezTo>
                  <a:pt x="1709234" y="0"/>
                  <a:pt x="1781422" y="72188"/>
                  <a:pt x="1781422" y="161237"/>
                </a:cubicBezTo>
                <a:lnTo>
                  <a:pt x="1781422" y="2495803"/>
                </a:lnTo>
                <a:cubicBezTo>
                  <a:pt x="1781422" y="2584852"/>
                  <a:pt x="1709234" y="2657040"/>
                  <a:pt x="1620185" y="2657040"/>
                </a:cubicBezTo>
                <a:lnTo>
                  <a:pt x="575035" y="2657040"/>
                </a:lnTo>
                <a:lnTo>
                  <a:pt x="161237" y="2657040"/>
                </a:lnTo>
                <a:lnTo>
                  <a:pt x="0" y="2657040"/>
                </a:lnTo>
                <a:lnTo>
                  <a:pt x="0" y="2495803"/>
                </a:lnTo>
                <a:lnTo>
                  <a:pt x="0" y="2072578"/>
                </a:lnTo>
                <a:lnTo>
                  <a:pt x="0" y="161237"/>
                </a:lnTo>
                <a:cubicBezTo>
                  <a:pt x="0" y="72188"/>
                  <a:pt x="72188" y="0"/>
                  <a:pt x="161237" y="0"/>
                </a:cubicBez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1" name="Kombinationstegning: figur 20">
            <a:extLst>
              <a:ext uri="{FF2B5EF4-FFF2-40B4-BE49-F238E27FC236}">
                <a16:creationId xmlns:a16="http://schemas.microsoft.com/office/drawing/2014/main" id="{D942A283-C7FF-AF14-9139-FB8DE864FB0E}"/>
              </a:ext>
            </a:extLst>
          </p:cNvPr>
          <p:cNvSpPr/>
          <p:nvPr userDrawn="1"/>
        </p:nvSpPr>
        <p:spPr>
          <a:xfrm>
            <a:off x="7608445" y="506947"/>
            <a:ext cx="1658103" cy="2416407"/>
          </a:xfrm>
          <a:custGeom>
            <a:avLst/>
            <a:gdLst>
              <a:gd name="connsiteX0" fmla="*/ 165114 w 1658103"/>
              <a:gd name="connsiteY0" fmla="*/ 0 h 2416407"/>
              <a:gd name="connsiteX1" fmla="*/ 1083068 w 1658103"/>
              <a:gd name="connsiteY1" fmla="*/ 0 h 2416407"/>
              <a:gd name="connsiteX2" fmla="*/ 1492989 w 1658103"/>
              <a:gd name="connsiteY2" fmla="*/ 0 h 2416407"/>
              <a:gd name="connsiteX3" fmla="*/ 1658103 w 1658103"/>
              <a:gd name="connsiteY3" fmla="*/ 0 h 2416407"/>
              <a:gd name="connsiteX4" fmla="*/ 1658103 w 1658103"/>
              <a:gd name="connsiteY4" fmla="*/ 165114 h 2416407"/>
              <a:gd name="connsiteX5" fmla="*/ 1658103 w 1658103"/>
              <a:gd name="connsiteY5" fmla="*/ 584462 h 2416407"/>
              <a:gd name="connsiteX6" fmla="*/ 1658103 w 1658103"/>
              <a:gd name="connsiteY6" fmla="*/ 2251293 h 2416407"/>
              <a:gd name="connsiteX7" fmla="*/ 1492989 w 1658103"/>
              <a:gd name="connsiteY7" fmla="*/ 2416407 h 2416407"/>
              <a:gd name="connsiteX8" fmla="*/ 165114 w 1658103"/>
              <a:gd name="connsiteY8" fmla="*/ 2416407 h 2416407"/>
              <a:gd name="connsiteX9" fmla="*/ 0 w 1658103"/>
              <a:gd name="connsiteY9" fmla="*/ 2251293 h 2416407"/>
              <a:gd name="connsiteX10" fmla="*/ 0 w 1658103"/>
              <a:gd name="connsiteY10" fmla="*/ 165114 h 2416407"/>
              <a:gd name="connsiteX11" fmla="*/ 165114 w 1658103"/>
              <a:gd name="connsiteY11" fmla="*/ 0 h 24164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58103" h="2416407">
                <a:moveTo>
                  <a:pt x="165114" y="0"/>
                </a:moveTo>
                <a:lnTo>
                  <a:pt x="1083068" y="0"/>
                </a:lnTo>
                <a:lnTo>
                  <a:pt x="1492989" y="0"/>
                </a:lnTo>
                <a:lnTo>
                  <a:pt x="1658103" y="0"/>
                </a:lnTo>
                <a:lnTo>
                  <a:pt x="1658103" y="165114"/>
                </a:lnTo>
                <a:lnTo>
                  <a:pt x="1658103" y="584462"/>
                </a:lnTo>
                <a:lnTo>
                  <a:pt x="1658103" y="2251293"/>
                </a:lnTo>
                <a:cubicBezTo>
                  <a:pt x="1658103" y="2342483"/>
                  <a:pt x="1584179" y="2416407"/>
                  <a:pt x="1492989" y="2416407"/>
                </a:cubicBezTo>
                <a:lnTo>
                  <a:pt x="165114" y="2416407"/>
                </a:lnTo>
                <a:cubicBezTo>
                  <a:pt x="73924" y="2416407"/>
                  <a:pt x="0" y="2342483"/>
                  <a:pt x="0" y="2251293"/>
                </a:cubicBezTo>
                <a:lnTo>
                  <a:pt x="0" y="165114"/>
                </a:lnTo>
                <a:cubicBezTo>
                  <a:pt x="0" y="73924"/>
                  <a:pt x="73924" y="0"/>
                  <a:pt x="165114" y="0"/>
                </a:cubicBez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5" name="Freeform: Shape 4">
            <a:extLst>
              <a:ext uri="{FF2B5EF4-FFF2-40B4-BE49-F238E27FC236}">
                <a16:creationId xmlns:a16="http://schemas.microsoft.com/office/drawing/2014/main" id="{EF1BC340-DDA0-9682-C839-750C1667C6D0}"/>
              </a:ext>
            </a:extLst>
          </p:cNvPr>
          <p:cNvSpPr/>
          <p:nvPr userDrawn="1"/>
        </p:nvSpPr>
        <p:spPr>
          <a:xfrm>
            <a:off x="3283720" y="4446237"/>
            <a:ext cx="1260000" cy="2411763"/>
          </a:xfrm>
          <a:custGeom>
            <a:avLst/>
            <a:gdLst>
              <a:gd name="connsiteX0" fmla="*/ 0 w 1260000"/>
              <a:gd name="connsiteY0" fmla="*/ 0 h 2411763"/>
              <a:gd name="connsiteX1" fmla="*/ 1090078 w 1260000"/>
              <a:gd name="connsiteY1" fmla="*/ 0 h 2411763"/>
              <a:gd name="connsiteX2" fmla="*/ 1260000 w 1260000"/>
              <a:gd name="connsiteY2" fmla="*/ 169922 h 2411763"/>
              <a:gd name="connsiteX3" fmla="*/ 1260000 w 1260000"/>
              <a:gd name="connsiteY3" fmla="*/ 1827301 h 2411763"/>
              <a:gd name="connsiteX4" fmla="*/ 1260000 w 1260000"/>
              <a:gd name="connsiteY4" fmla="*/ 2241841 h 2411763"/>
              <a:gd name="connsiteX5" fmla="*/ 1260000 w 1260000"/>
              <a:gd name="connsiteY5" fmla="*/ 2411763 h 2411763"/>
              <a:gd name="connsiteX6" fmla="*/ 1090078 w 1260000"/>
              <a:gd name="connsiteY6" fmla="*/ 2411763 h 2411763"/>
              <a:gd name="connsiteX7" fmla="*/ 684965 w 1260000"/>
              <a:gd name="connsiteY7" fmla="*/ 2411763 h 2411763"/>
              <a:gd name="connsiteX8" fmla="*/ 0 w 1260000"/>
              <a:gd name="connsiteY8" fmla="*/ 2411763 h 2411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60000" h="2411763">
                <a:moveTo>
                  <a:pt x="0" y="0"/>
                </a:moveTo>
                <a:lnTo>
                  <a:pt x="1090078" y="0"/>
                </a:lnTo>
                <a:cubicBezTo>
                  <a:pt x="1183923" y="0"/>
                  <a:pt x="1260000" y="76077"/>
                  <a:pt x="1260000" y="169922"/>
                </a:cubicBezTo>
                <a:lnTo>
                  <a:pt x="1260000" y="1827301"/>
                </a:lnTo>
                <a:lnTo>
                  <a:pt x="1260000" y="2241841"/>
                </a:lnTo>
                <a:lnTo>
                  <a:pt x="1260000" y="2411763"/>
                </a:lnTo>
                <a:lnTo>
                  <a:pt x="1090078" y="2411763"/>
                </a:lnTo>
                <a:lnTo>
                  <a:pt x="684965" y="2411763"/>
                </a:lnTo>
                <a:lnTo>
                  <a:pt x="0" y="2411763"/>
                </a:lnTo>
                <a:close/>
              </a:path>
            </a:pathLst>
          </a:custGeom>
          <a:solidFill>
            <a:srgbClr val="38025C"/>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pic>
        <p:nvPicPr>
          <p:cNvPr id="4" name="Dynamic cover logo lilla" descr="{&quot;templafy&quot;:{&quot;id&quot;:&quot;d91da4fb-296f-469b-9294-8e81cf84b23d&quot;}}">
            <a:extLst>
              <a:ext uri="{FF2B5EF4-FFF2-40B4-BE49-F238E27FC236}">
                <a16:creationId xmlns:a16="http://schemas.microsoft.com/office/drawing/2014/main" id="{7D622F1A-367D-AD61-E2B4-2964D404CDD2}"/>
              </a:ext>
            </a:extLst>
          </p:cNvPr>
          <p:cNvPicPr>
            <a:picLocks noChangeAspect="1"/>
          </p:cNvPicPr>
          <p:nvPr userDrawn="1"/>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2919166682"/>
      </p:ext>
    </p:extLst>
  </p:cSld>
  <p:clrMapOvr>
    <a:overrideClrMapping bg1="lt1" tx1="dk1" bg2="lt2" tx2="dk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el og et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indsætte overskrift – max. to linjer</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
        <p:nvSpPr>
          <p:cNvPr id="11" name="Text Placeholder note">
            <a:extLst>
              <a:ext uri="{FF2B5EF4-FFF2-40B4-BE49-F238E27FC236}">
                <a16:creationId xmlns:a16="http://schemas.microsoft.com/office/drawing/2014/main" id="{245C8F84-4C5D-3EE3-1FB6-087410EF73FB}"/>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D1B7864D-F85A-51C0-61FA-FDBB825E90AC}"/>
              </a:ext>
            </a:extLst>
          </p:cNvPr>
          <p:cNvSpPr>
            <a:spLocks noGrp="1"/>
          </p:cNvSpPr>
          <p:nvPr>
            <p:ph type="dt" sz="half" idx="18"/>
          </p:nvPr>
        </p:nvSpPr>
        <p:spPr/>
        <p:txBody>
          <a:bodyPr/>
          <a:lstStyle/>
          <a:p>
            <a:fld id="{FAAC466B-B9BC-4540-B925-BB3606CC309B}" type="datetime2">
              <a:rPr lang="da-DK" smtClean="0"/>
              <a:t>30. maj 2025</a:t>
            </a:fld>
            <a:endParaRPr lang="da-DK" dirty="0"/>
          </a:p>
        </p:txBody>
      </p:sp>
      <p:sp>
        <p:nvSpPr>
          <p:cNvPr id="5" name="Pladsholder til sidefod 4" hidden="1">
            <a:extLst>
              <a:ext uri="{FF2B5EF4-FFF2-40B4-BE49-F238E27FC236}">
                <a16:creationId xmlns:a16="http://schemas.microsoft.com/office/drawing/2014/main" id="{D0A26A80-EB88-4FD8-19D9-C4B3C43469AD}"/>
              </a:ext>
            </a:extLst>
          </p:cNvPr>
          <p:cNvSpPr>
            <a:spLocks noGrp="1"/>
          </p:cNvSpPr>
          <p:nvPr>
            <p:ph type="ftr" sz="quarter" idx="19"/>
          </p:nvPr>
        </p:nvSpPr>
        <p:spPr/>
        <p:txBody>
          <a:bodyPr/>
          <a:lstStyle/>
          <a:p>
            <a:endParaRPr lang="da-DK" dirty="0"/>
          </a:p>
        </p:txBody>
      </p:sp>
      <p:sp>
        <p:nvSpPr>
          <p:cNvPr id="6" name="Pladsholder til slidenummer 5" hidden="1">
            <a:extLst>
              <a:ext uri="{FF2B5EF4-FFF2-40B4-BE49-F238E27FC236}">
                <a16:creationId xmlns:a16="http://schemas.microsoft.com/office/drawing/2014/main" id="{CFD105D1-049D-35DE-D62A-A74AE7535F7C}"/>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853065248"/>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el, undertitel og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2800"/>
          </a:xfrm>
        </p:spPr>
        <p:txBody>
          <a:bodyPr/>
          <a:lstStyle>
            <a:lvl1pPr>
              <a:defRPr/>
            </a:lvl1pPr>
          </a:lstStyle>
          <a:p>
            <a:r>
              <a:rPr lang="da-DK" dirty="0"/>
              <a:t>Klik for at indsætte overskrift – max. en linje</a:t>
            </a:r>
          </a:p>
        </p:txBody>
      </p:sp>
      <p:sp>
        <p:nvSpPr>
          <p:cNvPr id="4" name="Subtitle 2">
            <a:extLst>
              <a:ext uri="{FF2B5EF4-FFF2-40B4-BE49-F238E27FC236}">
                <a16:creationId xmlns:a16="http://schemas.microsoft.com/office/drawing/2014/main" id="{8A008F28-7F58-53FE-932A-36E2076F43A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
        <p:nvSpPr>
          <p:cNvPr id="7" name="Text Placeholder note">
            <a:extLst>
              <a:ext uri="{FF2B5EF4-FFF2-40B4-BE49-F238E27FC236}">
                <a16:creationId xmlns:a16="http://schemas.microsoft.com/office/drawing/2014/main" id="{2E1CFC2B-19C0-985A-211A-6FE7BAB8460B}"/>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5" name="Pladsholder til dato 4" hidden="1">
            <a:extLst>
              <a:ext uri="{FF2B5EF4-FFF2-40B4-BE49-F238E27FC236}">
                <a16:creationId xmlns:a16="http://schemas.microsoft.com/office/drawing/2014/main" id="{D1F47E36-8FD2-023F-A3F0-6A8488CB4A07}"/>
              </a:ext>
            </a:extLst>
          </p:cNvPr>
          <p:cNvSpPr>
            <a:spLocks noGrp="1"/>
          </p:cNvSpPr>
          <p:nvPr>
            <p:ph type="dt" sz="half" idx="18"/>
          </p:nvPr>
        </p:nvSpPr>
        <p:spPr/>
        <p:txBody>
          <a:bodyPr/>
          <a:lstStyle/>
          <a:p>
            <a:fld id="{F2836A15-CD3D-4B71-9EF5-AEC44590494E}" type="datetime2">
              <a:rPr lang="da-DK" smtClean="0"/>
              <a:t>30. maj 2025</a:t>
            </a:fld>
            <a:endParaRPr lang="da-DK" dirty="0"/>
          </a:p>
        </p:txBody>
      </p:sp>
      <p:sp>
        <p:nvSpPr>
          <p:cNvPr id="6" name="Pladsholder til sidefod 5" hidden="1">
            <a:extLst>
              <a:ext uri="{FF2B5EF4-FFF2-40B4-BE49-F238E27FC236}">
                <a16:creationId xmlns:a16="http://schemas.microsoft.com/office/drawing/2014/main" id="{EA570AF3-65DF-4E10-FBF4-D47551A4BDE5}"/>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8A044976-2ECF-2ADB-C87A-6C44A639C566}"/>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50133985"/>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el, undertitel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2800"/>
          </a:xfrm>
        </p:spPr>
        <p:txBody>
          <a:bodyPr/>
          <a:lstStyle>
            <a:lvl1pPr>
              <a:defRPr/>
            </a:lvl1pPr>
          </a:lstStyle>
          <a:p>
            <a:r>
              <a:rPr lang="da-DK" dirty="0"/>
              <a:t>Klik for at indsætte overskrift – max. en linje</a:t>
            </a:r>
          </a:p>
        </p:txBody>
      </p:sp>
      <p:sp>
        <p:nvSpPr>
          <p:cNvPr id="4" name="Subtitle 2">
            <a:extLst>
              <a:ext uri="{FF2B5EF4-FFF2-40B4-BE49-F238E27FC236}">
                <a16:creationId xmlns:a16="http://schemas.microsoft.com/office/drawing/2014/main" id="{8A008F28-7F58-53FE-932A-36E2076F43A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
        <p:nvSpPr>
          <p:cNvPr id="5" name="Text Placeholder note">
            <a:extLst>
              <a:ext uri="{FF2B5EF4-FFF2-40B4-BE49-F238E27FC236}">
                <a16:creationId xmlns:a16="http://schemas.microsoft.com/office/drawing/2014/main" id="{8792DB1C-0983-A1CA-84AA-58A7B0B1F5F1}"/>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6" name="Pladsholder til dato 5" hidden="1">
            <a:extLst>
              <a:ext uri="{FF2B5EF4-FFF2-40B4-BE49-F238E27FC236}">
                <a16:creationId xmlns:a16="http://schemas.microsoft.com/office/drawing/2014/main" id="{43A7B38C-AC60-A319-AB2C-55BE66DF4665}"/>
              </a:ext>
            </a:extLst>
          </p:cNvPr>
          <p:cNvSpPr>
            <a:spLocks noGrp="1"/>
          </p:cNvSpPr>
          <p:nvPr>
            <p:ph type="dt" sz="half" idx="18"/>
          </p:nvPr>
        </p:nvSpPr>
        <p:spPr/>
        <p:txBody>
          <a:bodyPr/>
          <a:lstStyle/>
          <a:p>
            <a:fld id="{56552087-3F32-47F5-8089-EB804B31A433}" type="datetime2">
              <a:rPr lang="da-DK" smtClean="0"/>
              <a:t>30. maj 2025</a:t>
            </a:fld>
            <a:endParaRPr lang="da-DK" dirty="0"/>
          </a:p>
        </p:txBody>
      </p:sp>
      <p:sp>
        <p:nvSpPr>
          <p:cNvPr id="7" name="Pladsholder til sidefod 6" hidden="1">
            <a:extLst>
              <a:ext uri="{FF2B5EF4-FFF2-40B4-BE49-F238E27FC236}">
                <a16:creationId xmlns:a16="http://schemas.microsoft.com/office/drawing/2014/main" id="{5EB372C1-983D-2636-18BC-447D6080C951}"/>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40156EBA-D90E-0D39-97C2-DC28AF352730}"/>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891174177"/>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el, undertitel og indhold i boks">
    <p:bg>
      <p:bgPr>
        <a:solidFill>
          <a:schemeClr val="bg2"/>
        </a:solidFill>
        <a:effectLst/>
      </p:bgPr>
    </p:bg>
    <p:spTree>
      <p:nvGrpSpPr>
        <p:cNvPr id="1" name=""/>
        <p:cNvGrpSpPr/>
        <p:nvPr/>
      </p:nvGrpSpPr>
      <p:grpSpPr>
        <a:xfrm>
          <a:off x="0" y="0"/>
          <a:ext cx="0" cy="0"/>
          <a:chOff x="0" y="0"/>
          <a:chExt cx="0" cy="0"/>
        </a:xfrm>
      </p:grpSpPr>
      <p:sp>
        <p:nvSpPr>
          <p:cNvPr id="8" name="Kombinationstegning: figur 7">
            <a:extLst>
              <a:ext uri="{FF2B5EF4-FFF2-40B4-BE49-F238E27FC236}">
                <a16:creationId xmlns:a16="http://schemas.microsoft.com/office/drawing/2014/main" id="{FCA7672F-42E3-2578-E46F-914C432316A7}"/>
              </a:ext>
            </a:extLst>
          </p:cNvPr>
          <p:cNvSpPr/>
          <p:nvPr userDrawn="1"/>
        </p:nvSpPr>
        <p:spPr bwMode="auto">
          <a:xfrm flipV="1">
            <a:off x="388800" y="1685926"/>
            <a:ext cx="11415600" cy="4264024"/>
          </a:xfrm>
          <a:custGeom>
            <a:avLst/>
            <a:gdLst>
              <a:gd name="connsiteX0" fmla="*/ 532065 w 11415600"/>
              <a:gd name="connsiteY0" fmla="*/ 4264024 h 4264024"/>
              <a:gd name="connsiteX1" fmla="*/ 10883535 w 11415600"/>
              <a:gd name="connsiteY1" fmla="*/ 4264024 h 4264024"/>
              <a:gd name="connsiteX2" fmla="*/ 11415600 w 11415600"/>
              <a:gd name="connsiteY2" fmla="*/ 3731959 h 4264024"/>
              <a:gd name="connsiteX3" fmla="*/ 11415600 w 11415600"/>
              <a:gd name="connsiteY3" fmla="*/ 532065 h 4264024"/>
              <a:gd name="connsiteX4" fmla="*/ 10883535 w 11415600"/>
              <a:gd name="connsiteY4" fmla="*/ 0 h 4264024"/>
              <a:gd name="connsiteX5" fmla="*/ 2958353 w 11415600"/>
              <a:gd name="connsiteY5" fmla="*/ 0 h 4264024"/>
              <a:gd name="connsiteX6" fmla="*/ 532065 w 11415600"/>
              <a:gd name="connsiteY6" fmla="*/ 0 h 4264024"/>
              <a:gd name="connsiteX7" fmla="*/ 0 w 11415600"/>
              <a:gd name="connsiteY7" fmla="*/ 0 h 4264024"/>
              <a:gd name="connsiteX8" fmla="*/ 0 w 11415600"/>
              <a:gd name="connsiteY8" fmla="*/ 532065 h 4264024"/>
              <a:gd name="connsiteX9" fmla="*/ 0 w 11415600"/>
              <a:gd name="connsiteY9" fmla="*/ 1936376 h 4264024"/>
              <a:gd name="connsiteX10" fmla="*/ 0 w 11415600"/>
              <a:gd name="connsiteY10" fmla="*/ 3731959 h 4264024"/>
              <a:gd name="connsiteX11" fmla="*/ 532065 w 11415600"/>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415600" h="4264024">
                <a:moveTo>
                  <a:pt x="532065" y="4264024"/>
                </a:moveTo>
                <a:lnTo>
                  <a:pt x="10883535" y="4264024"/>
                </a:lnTo>
                <a:cubicBezTo>
                  <a:pt x="11177386" y="4264024"/>
                  <a:pt x="11415600" y="4025810"/>
                  <a:pt x="11415600" y="3731959"/>
                </a:cubicBezTo>
                <a:lnTo>
                  <a:pt x="11415600" y="532065"/>
                </a:lnTo>
                <a:cubicBezTo>
                  <a:pt x="11415600" y="238214"/>
                  <a:pt x="11177386" y="0"/>
                  <a:pt x="10883535" y="0"/>
                </a:cubicBezTo>
                <a:lnTo>
                  <a:pt x="2958353" y="0"/>
                </a:lnTo>
                <a:lnTo>
                  <a:pt x="532065" y="0"/>
                </a:lnTo>
                <a:lnTo>
                  <a:pt x="0" y="0"/>
                </a:lnTo>
                <a:lnTo>
                  <a:pt x="0" y="532065"/>
                </a:lnTo>
                <a:lnTo>
                  <a:pt x="0" y="1936376"/>
                </a:lnTo>
                <a:lnTo>
                  <a:pt x="0" y="3731959"/>
                </a:lnTo>
                <a:cubicBezTo>
                  <a:pt x="0" y="4025810"/>
                  <a:pt x="238214" y="4264024"/>
                  <a:pt x="532065"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7999"/>
            <a:ext cx="10897200" cy="532800"/>
          </a:xfrm>
        </p:spPr>
        <p:txBody>
          <a:bodyPr/>
          <a:lstStyle>
            <a:lvl1pPr>
              <a:defRPr/>
            </a:lvl1pPr>
          </a:lstStyle>
          <a:p>
            <a:r>
              <a:rPr lang="da-DK" dirty="0"/>
              <a:t>Klik for at indsætte overskrift – max. en linje</a:t>
            </a:r>
          </a:p>
        </p:txBody>
      </p:sp>
      <p:sp>
        <p:nvSpPr>
          <p:cNvPr id="16" name="Subtitle 2">
            <a:extLst>
              <a:ext uri="{FF2B5EF4-FFF2-40B4-BE49-F238E27FC236}">
                <a16:creationId xmlns:a16="http://schemas.microsoft.com/office/drawing/2014/main" id="{1B5E41F0-74B6-2393-700A-01C30B8B255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647999" y="1944000"/>
            <a:ext cx="10894713"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49"/>
            <a:ext cx="5320612" cy="291600"/>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11" name="Pladsholder til dato 10" hidden="1">
            <a:extLst>
              <a:ext uri="{FF2B5EF4-FFF2-40B4-BE49-F238E27FC236}">
                <a16:creationId xmlns:a16="http://schemas.microsoft.com/office/drawing/2014/main" id="{04785889-1C42-8018-88B4-382E17914982}"/>
              </a:ext>
            </a:extLst>
          </p:cNvPr>
          <p:cNvSpPr>
            <a:spLocks noGrp="1"/>
          </p:cNvSpPr>
          <p:nvPr>
            <p:ph type="dt" sz="half" idx="18"/>
          </p:nvPr>
        </p:nvSpPr>
        <p:spPr/>
        <p:txBody>
          <a:bodyPr/>
          <a:lstStyle/>
          <a:p>
            <a:fld id="{90600F65-4630-4DB7-A1B9-C084C7A42560}" type="datetime2">
              <a:rPr lang="da-DK" smtClean="0"/>
              <a:t>30. maj 2025</a:t>
            </a:fld>
            <a:endParaRPr lang="da-DK" dirty="0"/>
          </a:p>
        </p:txBody>
      </p:sp>
      <p:sp>
        <p:nvSpPr>
          <p:cNvPr id="12" name="Pladsholder til sidefod 11" hidden="1">
            <a:extLst>
              <a:ext uri="{FF2B5EF4-FFF2-40B4-BE49-F238E27FC236}">
                <a16:creationId xmlns:a16="http://schemas.microsoft.com/office/drawing/2014/main" id="{E6C4E954-D637-A7F3-45FB-CDA533E1934C}"/>
              </a:ext>
            </a:extLst>
          </p:cNvPr>
          <p:cNvSpPr>
            <a:spLocks noGrp="1"/>
          </p:cNvSpPr>
          <p:nvPr>
            <p:ph type="ftr" sz="quarter" idx="19"/>
          </p:nvPr>
        </p:nvSpPr>
        <p:spPr/>
        <p:txBody>
          <a:bodyPr/>
          <a:lstStyle/>
          <a:p>
            <a:endParaRPr lang="da-DK" dirty="0"/>
          </a:p>
        </p:txBody>
      </p:sp>
      <p:sp>
        <p:nvSpPr>
          <p:cNvPr id="13" name="Pladsholder til slidenummer 12" hidden="1">
            <a:extLst>
              <a:ext uri="{FF2B5EF4-FFF2-40B4-BE49-F238E27FC236}">
                <a16:creationId xmlns:a16="http://schemas.microsoft.com/office/drawing/2014/main" id="{CC26FD0B-9B11-6D68-E9C1-DC541A0BB51D}"/>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523853587"/>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og to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317200" cy="399155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27075" y="1944000"/>
            <a:ext cx="5317200" cy="39924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endParaRPr lang="da-DK" noProof="0"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50"/>
            <a:ext cx="5320612"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FEE035DC-5E52-49D5-01CA-72F773A5C764}"/>
              </a:ext>
            </a:extLst>
          </p:cNvPr>
          <p:cNvSpPr>
            <a:spLocks noGrp="1"/>
          </p:cNvSpPr>
          <p:nvPr>
            <p:ph type="dt" sz="half" idx="18"/>
          </p:nvPr>
        </p:nvSpPr>
        <p:spPr/>
        <p:txBody>
          <a:bodyPr/>
          <a:lstStyle/>
          <a:p>
            <a:fld id="{E4603E96-4A59-4D64-B873-DB1F86E9F89F}" type="datetime2">
              <a:rPr lang="da-DK" smtClean="0"/>
              <a:t>30. maj 2025</a:t>
            </a:fld>
            <a:endParaRPr lang="da-DK" dirty="0"/>
          </a:p>
        </p:txBody>
      </p:sp>
      <p:sp>
        <p:nvSpPr>
          <p:cNvPr id="10" name="Pladsholder til sidefod 9" hidden="1">
            <a:extLst>
              <a:ext uri="{FF2B5EF4-FFF2-40B4-BE49-F238E27FC236}">
                <a16:creationId xmlns:a16="http://schemas.microsoft.com/office/drawing/2014/main" id="{8AEB8CCF-D4B5-0517-FDCE-D272C6EC754B}"/>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5DA6C8E0-9B05-AC27-CA18-AA8D28CD4703}"/>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747621605"/>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el og to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317200" cy="399155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27075" y="1944000"/>
            <a:ext cx="5317200" cy="39924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9" name="Text Placeholder note">
            <a:extLst>
              <a:ext uri="{FF2B5EF4-FFF2-40B4-BE49-F238E27FC236}">
                <a16:creationId xmlns:a16="http://schemas.microsoft.com/office/drawing/2014/main" id="{C96D60FE-CC0D-010F-930B-89889DF1D45C}"/>
              </a:ext>
            </a:extLst>
          </p:cNvPr>
          <p:cNvSpPr>
            <a:spLocks noGrp="1"/>
          </p:cNvSpPr>
          <p:nvPr>
            <p:ph type="body" sz="quarter" idx="17" hasCustomPrompt="1"/>
          </p:nvPr>
        </p:nvSpPr>
        <p:spPr>
          <a:xfrm>
            <a:off x="6224588" y="5949950"/>
            <a:ext cx="5320612"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8E9C1547-4563-166E-5B09-EC0B38B49165}"/>
              </a:ext>
            </a:extLst>
          </p:cNvPr>
          <p:cNvSpPr>
            <a:spLocks noGrp="1"/>
          </p:cNvSpPr>
          <p:nvPr>
            <p:ph type="dt" sz="half" idx="18"/>
          </p:nvPr>
        </p:nvSpPr>
        <p:spPr/>
        <p:txBody>
          <a:bodyPr/>
          <a:lstStyle/>
          <a:p>
            <a:fld id="{39A1AC5C-6B35-489B-A91E-EF042B89B749}" type="datetime2">
              <a:rPr lang="da-DK" smtClean="0"/>
              <a:t>30. maj 2025</a:t>
            </a:fld>
            <a:endParaRPr lang="da-DK" dirty="0"/>
          </a:p>
        </p:txBody>
      </p:sp>
      <p:sp>
        <p:nvSpPr>
          <p:cNvPr id="10" name="Pladsholder til sidefod 9" hidden="1">
            <a:extLst>
              <a:ext uri="{FF2B5EF4-FFF2-40B4-BE49-F238E27FC236}">
                <a16:creationId xmlns:a16="http://schemas.microsoft.com/office/drawing/2014/main" id="{8AC89008-D6EE-EFE5-FA31-1DCEEA702014}"/>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D991810C-2445-78C1-75AE-248DA7B18ACD}"/>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370926861"/>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el og indhold i bokse">
    <p:bg>
      <p:bgPr>
        <a:solidFill>
          <a:schemeClr val="bg2"/>
        </a:solidFill>
        <a:effectLst/>
      </p:bgPr>
    </p:bg>
    <p:spTree>
      <p:nvGrpSpPr>
        <p:cNvPr id="1" name=""/>
        <p:cNvGrpSpPr/>
        <p:nvPr/>
      </p:nvGrpSpPr>
      <p:grpSpPr>
        <a:xfrm>
          <a:off x="0" y="0"/>
          <a:ext cx="0" cy="0"/>
          <a:chOff x="0" y="0"/>
          <a:chExt cx="0" cy="0"/>
        </a:xfrm>
      </p:grpSpPr>
      <p:sp>
        <p:nvSpPr>
          <p:cNvPr id="17" name="Kombinationstegning: figur 16">
            <a:extLst>
              <a:ext uri="{FF2B5EF4-FFF2-40B4-BE49-F238E27FC236}">
                <a16:creationId xmlns:a16="http://schemas.microsoft.com/office/drawing/2014/main" id="{A9044547-A8D9-180D-A965-E52CFBC0DB82}"/>
              </a:ext>
            </a:extLst>
          </p:cNvPr>
          <p:cNvSpPr/>
          <p:nvPr userDrawn="1"/>
        </p:nvSpPr>
        <p:spPr bwMode="auto">
          <a:xfrm flipV="1">
            <a:off x="6226176" y="1685926"/>
            <a:ext cx="5316538" cy="4264024"/>
          </a:xfrm>
          <a:custGeom>
            <a:avLst/>
            <a:gdLst>
              <a:gd name="connsiteX0" fmla="*/ 529848 w 5316538"/>
              <a:gd name="connsiteY0" fmla="*/ 4264024 h 4264024"/>
              <a:gd name="connsiteX1" fmla="*/ 4786690 w 5316538"/>
              <a:gd name="connsiteY1" fmla="*/ 4264024 h 4264024"/>
              <a:gd name="connsiteX2" fmla="*/ 5316538 w 5316538"/>
              <a:gd name="connsiteY2" fmla="*/ 3734176 h 4264024"/>
              <a:gd name="connsiteX3" fmla="*/ 5316538 w 5316538"/>
              <a:gd name="connsiteY3" fmla="*/ 529848 h 4264024"/>
              <a:gd name="connsiteX4" fmla="*/ 4786690 w 5316538"/>
              <a:gd name="connsiteY4" fmla="*/ 0 h 4264024"/>
              <a:gd name="connsiteX5" fmla="*/ 1571625 w 5316538"/>
              <a:gd name="connsiteY5" fmla="*/ 0 h 4264024"/>
              <a:gd name="connsiteX6" fmla="*/ 529848 w 5316538"/>
              <a:gd name="connsiteY6" fmla="*/ 0 h 4264024"/>
              <a:gd name="connsiteX7" fmla="*/ 0 w 5316538"/>
              <a:gd name="connsiteY7" fmla="*/ 0 h 4264024"/>
              <a:gd name="connsiteX8" fmla="*/ 0 w 5316538"/>
              <a:gd name="connsiteY8" fmla="*/ 529848 h 4264024"/>
              <a:gd name="connsiteX9" fmla="*/ 0 w 5316538"/>
              <a:gd name="connsiteY9" fmla="*/ 1143000 h 4264024"/>
              <a:gd name="connsiteX10" fmla="*/ 0 w 5316538"/>
              <a:gd name="connsiteY10" fmla="*/ 3734176 h 4264024"/>
              <a:gd name="connsiteX11" fmla="*/ 529848 w 5316538"/>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316538" h="4264024">
                <a:moveTo>
                  <a:pt x="529848" y="4264024"/>
                </a:moveTo>
                <a:lnTo>
                  <a:pt x="4786690" y="4264024"/>
                </a:lnTo>
                <a:cubicBezTo>
                  <a:pt x="5079317" y="4264024"/>
                  <a:pt x="5316538" y="4026803"/>
                  <a:pt x="5316538" y="3734176"/>
                </a:cubicBezTo>
                <a:lnTo>
                  <a:pt x="5316538" y="529848"/>
                </a:lnTo>
                <a:cubicBezTo>
                  <a:pt x="5316538" y="237221"/>
                  <a:pt x="5079317" y="0"/>
                  <a:pt x="4786690" y="0"/>
                </a:cubicBezTo>
                <a:lnTo>
                  <a:pt x="1571625" y="0"/>
                </a:lnTo>
                <a:lnTo>
                  <a:pt x="529848" y="0"/>
                </a:lnTo>
                <a:lnTo>
                  <a:pt x="0" y="0"/>
                </a:lnTo>
                <a:lnTo>
                  <a:pt x="0" y="529848"/>
                </a:lnTo>
                <a:lnTo>
                  <a:pt x="0" y="1143000"/>
                </a:lnTo>
                <a:lnTo>
                  <a:pt x="0" y="3734176"/>
                </a:lnTo>
                <a:cubicBezTo>
                  <a:pt x="0" y="4026803"/>
                  <a:pt x="237221" y="4264024"/>
                  <a:pt x="529848"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0" name="Kombinationstegning: figur 19">
            <a:extLst>
              <a:ext uri="{FF2B5EF4-FFF2-40B4-BE49-F238E27FC236}">
                <a16:creationId xmlns:a16="http://schemas.microsoft.com/office/drawing/2014/main" id="{D5E9D3E4-E47D-0971-DD47-F2DC5A405712}"/>
              </a:ext>
            </a:extLst>
          </p:cNvPr>
          <p:cNvSpPr/>
          <p:nvPr userDrawn="1"/>
        </p:nvSpPr>
        <p:spPr bwMode="auto">
          <a:xfrm flipV="1">
            <a:off x="0" y="1685925"/>
            <a:ext cx="5965825" cy="4264024"/>
          </a:xfrm>
          <a:custGeom>
            <a:avLst/>
            <a:gdLst>
              <a:gd name="connsiteX0" fmla="*/ 0 w 5965825"/>
              <a:gd name="connsiteY0" fmla="*/ 4264024 h 4264024"/>
              <a:gd name="connsiteX1" fmla="*/ 537139 w 5965825"/>
              <a:gd name="connsiteY1" fmla="*/ 4264024 h 4264024"/>
              <a:gd name="connsiteX2" fmla="*/ 1571625 w 5965825"/>
              <a:gd name="connsiteY2" fmla="*/ 4264024 h 4264024"/>
              <a:gd name="connsiteX3" fmla="*/ 5428686 w 5965825"/>
              <a:gd name="connsiteY3" fmla="*/ 4264024 h 4264024"/>
              <a:gd name="connsiteX4" fmla="*/ 5965825 w 5965825"/>
              <a:gd name="connsiteY4" fmla="*/ 3726885 h 4264024"/>
              <a:gd name="connsiteX5" fmla="*/ 5965825 w 5965825"/>
              <a:gd name="connsiteY5" fmla="*/ 537139 h 4264024"/>
              <a:gd name="connsiteX6" fmla="*/ 5428686 w 5965825"/>
              <a:gd name="connsiteY6" fmla="*/ 0 h 4264024"/>
              <a:gd name="connsiteX7" fmla="*/ 1571625 w 5965825"/>
              <a:gd name="connsiteY7" fmla="*/ 0 h 4264024"/>
              <a:gd name="connsiteX8" fmla="*/ 537139 w 5965825"/>
              <a:gd name="connsiteY8" fmla="*/ 0 h 4264024"/>
              <a:gd name="connsiteX9" fmla="*/ 0 w 5965825"/>
              <a:gd name="connsiteY9" fmla="*/ 0 h 4264024"/>
              <a:gd name="connsiteX10" fmla="*/ 0 w 5965825"/>
              <a:gd name="connsiteY10" fmla="*/ 537139 h 4264024"/>
              <a:gd name="connsiteX11" fmla="*/ 0 w 5965825"/>
              <a:gd name="connsiteY11" fmla="*/ 1143000 h 4264024"/>
              <a:gd name="connsiteX12" fmla="*/ 0 w 5965825"/>
              <a:gd name="connsiteY12" fmla="*/ 3121024 h 4264024"/>
              <a:gd name="connsiteX13" fmla="*/ 0 w 5965825"/>
              <a:gd name="connsiteY13" fmla="*/ 3726885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65825" h="4264024">
                <a:moveTo>
                  <a:pt x="0" y="4264024"/>
                </a:moveTo>
                <a:lnTo>
                  <a:pt x="537139" y="4264024"/>
                </a:lnTo>
                <a:lnTo>
                  <a:pt x="1571625" y="4264024"/>
                </a:lnTo>
                <a:lnTo>
                  <a:pt x="5428686" y="4264024"/>
                </a:lnTo>
                <a:cubicBezTo>
                  <a:pt x="5725340" y="4264024"/>
                  <a:pt x="5965825" y="4023539"/>
                  <a:pt x="5965825" y="3726885"/>
                </a:cubicBezTo>
                <a:lnTo>
                  <a:pt x="5965825" y="537139"/>
                </a:lnTo>
                <a:cubicBezTo>
                  <a:pt x="5965825" y="240485"/>
                  <a:pt x="5725340" y="0"/>
                  <a:pt x="5428686" y="0"/>
                </a:cubicBezTo>
                <a:lnTo>
                  <a:pt x="1571625" y="0"/>
                </a:lnTo>
                <a:lnTo>
                  <a:pt x="537139" y="0"/>
                </a:lnTo>
                <a:lnTo>
                  <a:pt x="0" y="0"/>
                </a:lnTo>
                <a:lnTo>
                  <a:pt x="0" y="537139"/>
                </a:lnTo>
                <a:lnTo>
                  <a:pt x="0" y="1143000"/>
                </a:lnTo>
                <a:lnTo>
                  <a:pt x="0" y="3121024"/>
                </a:lnTo>
                <a:lnTo>
                  <a:pt x="0" y="3726885"/>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5100"/>
          </a:xfrm>
        </p:spPr>
        <p:txBody>
          <a:bodyPr/>
          <a:lstStyle>
            <a:lvl1pPr>
              <a:defRPr/>
            </a:lvl1p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059720"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486526" y="1944000"/>
            <a:ext cx="4796518"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49"/>
            <a:ext cx="5320612" cy="291600"/>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2EA650DF-7CD7-C817-0573-0C30E75AD0F4}"/>
              </a:ext>
            </a:extLst>
          </p:cNvPr>
          <p:cNvSpPr>
            <a:spLocks noGrp="1"/>
          </p:cNvSpPr>
          <p:nvPr>
            <p:ph type="dt" sz="half" idx="18"/>
          </p:nvPr>
        </p:nvSpPr>
        <p:spPr/>
        <p:txBody>
          <a:bodyPr/>
          <a:lstStyle/>
          <a:p>
            <a:fld id="{1176805D-954B-49CB-96C9-66920B5A91A3}" type="datetime2">
              <a:rPr lang="da-DK" smtClean="0"/>
              <a:t>30. maj 2025</a:t>
            </a:fld>
            <a:endParaRPr lang="da-DK" dirty="0"/>
          </a:p>
        </p:txBody>
      </p:sp>
      <p:sp>
        <p:nvSpPr>
          <p:cNvPr id="10" name="Pladsholder til sidefod 9" hidden="1">
            <a:extLst>
              <a:ext uri="{FF2B5EF4-FFF2-40B4-BE49-F238E27FC236}">
                <a16:creationId xmlns:a16="http://schemas.microsoft.com/office/drawing/2014/main" id="{F131996F-390A-E865-6DE1-34B2C89B6DDA}"/>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4677818A-C460-9AD4-4581-79D827C2FA37}"/>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553086112"/>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el, indhold i boks og indhold">
    <p:bg>
      <p:bgPr>
        <a:solidFill>
          <a:schemeClr val="bg2"/>
        </a:solidFill>
        <a:effectLst/>
      </p:bgPr>
    </p:bg>
    <p:spTree>
      <p:nvGrpSpPr>
        <p:cNvPr id="1" name=""/>
        <p:cNvGrpSpPr/>
        <p:nvPr/>
      </p:nvGrpSpPr>
      <p:grpSpPr>
        <a:xfrm>
          <a:off x="0" y="0"/>
          <a:ext cx="0" cy="0"/>
          <a:chOff x="0" y="0"/>
          <a:chExt cx="0" cy="0"/>
        </a:xfrm>
      </p:grpSpPr>
      <p:sp>
        <p:nvSpPr>
          <p:cNvPr id="21" name="Kombinationstegning: figur 20">
            <a:extLst>
              <a:ext uri="{FF2B5EF4-FFF2-40B4-BE49-F238E27FC236}">
                <a16:creationId xmlns:a16="http://schemas.microsoft.com/office/drawing/2014/main" id="{06DC3118-876E-EDE7-62FA-F78BEA29F6F6}"/>
              </a:ext>
            </a:extLst>
          </p:cNvPr>
          <p:cNvSpPr/>
          <p:nvPr userDrawn="1"/>
        </p:nvSpPr>
        <p:spPr bwMode="auto">
          <a:xfrm flipV="1">
            <a:off x="0"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533387 h 4264024"/>
              <a:gd name="connsiteX9" fmla="*/ 7291401 w 7824788"/>
              <a:gd name="connsiteY9" fmla="*/ 0 h 4264024"/>
              <a:gd name="connsiteX10" fmla="*/ 1276350 w 7824788"/>
              <a:gd name="connsiteY10" fmla="*/ 0 h 4264024"/>
              <a:gd name="connsiteX11" fmla="*/ 533387 w 7824788"/>
              <a:gd name="connsiteY11" fmla="*/ 0 h 4264024"/>
              <a:gd name="connsiteX12" fmla="*/ 0 w 7824788"/>
              <a:gd name="connsiteY12" fmla="*/ 0 h 4264024"/>
              <a:gd name="connsiteX13" fmla="*/ 0 w 7824788"/>
              <a:gd name="connsiteY13" fmla="*/ 533387 h 4264024"/>
              <a:gd name="connsiteX14" fmla="*/ 0 w 7824788"/>
              <a:gd name="connsiteY14" fmla="*/ 1171575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533387"/>
                </a:lnTo>
                <a:cubicBezTo>
                  <a:pt x="7824788" y="238805"/>
                  <a:pt x="7585983" y="0"/>
                  <a:pt x="7291401" y="0"/>
                </a:cubicBezTo>
                <a:lnTo>
                  <a:pt x="1276350" y="0"/>
                </a:lnTo>
                <a:lnTo>
                  <a:pt x="533387" y="0"/>
                </a:lnTo>
                <a:lnTo>
                  <a:pt x="0" y="0"/>
                </a:lnTo>
                <a:lnTo>
                  <a:pt x="0" y="533387"/>
                </a:lnTo>
                <a:lnTo>
                  <a:pt x="0" y="1171575"/>
                </a:ln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endParaRPr lang="da-DK" noProof="0"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8755062" y="1943100"/>
            <a:ext cx="2790137" cy="4006850"/>
          </a:xfrm>
        </p:spPr>
        <p:txBody>
          <a:bodyPr/>
          <a:lstStyle>
            <a:lvl1pPr>
              <a:defRPr/>
            </a:lvl1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8755062" y="5949950"/>
            <a:ext cx="2790137"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6A3F7858-A8A7-9247-33F1-49D8C46BCF8F}"/>
              </a:ext>
            </a:extLst>
          </p:cNvPr>
          <p:cNvSpPr>
            <a:spLocks noGrp="1"/>
          </p:cNvSpPr>
          <p:nvPr>
            <p:ph type="dt" sz="half" idx="18"/>
          </p:nvPr>
        </p:nvSpPr>
        <p:spPr/>
        <p:txBody>
          <a:bodyPr/>
          <a:lstStyle/>
          <a:p>
            <a:fld id="{F112B893-6D0C-4087-92C6-D7F6814302ED}" type="datetime2">
              <a:rPr lang="da-DK" smtClean="0"/>
              <a:t>30. maj 2025</a:t>
            </a:fld>
            <a:endParaRPr lang="da-DK" dirty="0"/>
          </a:p>
        </p:txBody>
      </p:sp>
      <p:sp>
        <p:nvSpPr>
          <p:cNvPr id="6" name="Pladsholder til sidefod 5" hidden="1">
            <a:extLst>
              <a:ext uri="{FF2B5EF4-FFF2-40B4-BE49-F238E27FC236}">
                <a16:creationId xmlns:a16="http://schemas.microsoft.com/office/drawing/2014/main" id="{8C92AFAF-91DA-4A8C-FBC9-B6A3038C8AE0}"/>
              </a:ext>
            </a:extLst>
          </p:cNvPr>
          <p:cNvSpPr>
            <a:spLocks noGrp="1"/>
          </p:cNvSpPr>
          <p:nvPr>
            <p:ph type="ftr" sz="quarter" idx="19"/>
          </p:nvPr>
        </p:nvSpPr>
        <p:spPr/>
        <p:txBody>
          <a:bodyPr/>
          <a:lstStyle/>
          <a:p>
            <a:endParaRPr lang="da-DK" dirty="0"/>
          </a:p>
        </p:txBody>
      </p:sp>
      <p:sp>
        <p:nvSpPr>
          <p:cNvPr id="7" name="Pladsholder til slidenummer 6" hidden="1">
            <a:extLst>
              <a:ext uri="{FF2B5EF4-FFF2-40B4-BE49-F238E27FC236}">
                <a16:creationId xmlns:a16="http://schemas.microsoft.com/office/drawing/2014/main" id="{12A9BC98-45F3-DDE8-4CF2-D08211A80D67}"/>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777630063"/>
      </p:ext>
    </p:extLst>
  </p:cSld>
  <p:clrMapOvr>
    <a:masterClrMapping/>
  </p:clrMapOvr>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el, indhold og indhold i boks">
    <p:bg>
      <p:bgPr>
        <a:solidFill>
          <a:schemeClr val="bg2"/>
        </a:solidFill>
        <a:effectLst/>
      </p:bgPr>
    </p:bg>
    <p:spTree>
      <p:nvGrpSpPr>
        <p:cNvPr id="1" name=""/>
        <p:cNvGrpSpPr/>
        <p:nvPr/>
      </p:nvGrpSpPr>
      <p:grpSpPr>
        <a:xfrm>
          <a:off x="0" y="0"/>
          <a:ext cx="0" cy="0"/>
          <a:chOff x="0" y="0"/>
          <a:chExt cx="0" cy="0"/>
        </a:xfrm>
      </p:grpSpPr>
      <p:sp>
        <p:nvSpPr>
          <p:cNvPr id="19" name="Kombinationstegning: figur 18">
            <a:extLst>
              <a:ext uri="{FF2B5EF4-FFF2-40B4-BE49-F238E27FC236}">
                <a16:creationId xmlns:a16="http://schemas.microsoft.com/office/drawing/2014/main" id="{7956A760-0F29-E355-088D-58A1FAEDF759}"/>
              </a:ext>
            </a:extLst>
          </p:cNvPr>
          <p:cNvSpPr/>
          <p:nvPr userDrawn="1"/>
        </p:nvSpPr>
        <p:spPr bwMode="auto">
          <a:xfrm flipV="1">
            <a:off x="4367212"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1171575 h 4264024"/>
              <a:gd name="connsiteX9" fmla="*/ 7824788 w 7824788"/>
              <a:gd name="connsiteY9" fmla="*/ 533387 h 4264024"/>
              <a:gd name="connsiteX10" fmla="*/ 7824788 w 7824788"/>
              <a:gd name="connsiteY10" fmla="*/ 0 h 4264024"/>
              <a:gd name="connsiteX11" fmla="*/ 7291401 w 7824788"/>
              <a:gd name="connsiteY11" fmla="*/ 0 h 4264024"/>
              <a:gd name="connsiteX12" fmla="*/ 6548438 w 7824788"/>
              <a:gd name="connsiteY12" fmla="*/ 0 h 4264024"/>
              <a:gd name="connsiteX13" fmla="*/ 533387 w 7824788"/>
              <a:gd name="connsiteY13" fmla="*/ 0 h 4264024"/>
              <a:gd name="connsiteX14" fmla="*/ 0 w 7824788"/>
              <a:gd name="connsiteY14" fmla="*/ 533387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1171575"/>
                </a:lnTo>
                <a:lnTo>
                  <a:pt x="7824788" y="533387"/>
                </a:lnTo>
                <a:lnTo>
                  <a:pt x="7824788" y="0"/>
                </a:lnTo>
                <a:lnTo>
                  <a:pt x="7291401" y="0"/>
                </a:lnTo>
                <a:lnTo>
                  <a:pt x="6548438" y="0"/>
                </a:lnTo>
                <a:lnTo>
                  <a:pt x="533387" y="0"/>
                </a:lnTo>
                <a:cubicBezTo>
                  <a:pt x="238805" y="0"/>
                  <a:pt x="0" y="238805"/>
                  <a:pt x="0" y="533387"/>
                </a:cubicBez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46404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648000" y="1943100"/>
            <a:ext cx="2790137" cy="4006850"/>
          </a:xfrm>
        </p:spPr>
        <p:txBody>
          <a:bodyPr/>
          <a:lstStyle>
            <a:lvl1pPr>
              <a:defRPr/>
            </a:lvl1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5295900" y="5949950"/>
            <a:ext cx="62493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7" name="Pladsholder til dato 6" hidden="1">
            <a:extLst>
              <a:ext uri="{FF2B5EF4-FFF2-40B4-BE49-F238E27FC236}">
                <a16:creationId xmlns:a16="http://schemas.microsoft.com/office/drawing/2014/main" id="{5D39DAF0-930E-7136-53A8-BF2EE9B93054}"/>
              </a:ext>
            </a:extLst>
          </p:cNvPr>
          <p:cNvSpPr>
            <a:spLocks noGrp="1"/>
          </p:cNvSpPr>
          <p:nvPr>
            <p:ph type="dt" sz="half" idx="18"/>
          </p:nvPr>
        </p:nvSpPr>
        <p:spPr/>
        <p:txBody>
          <a:bodyPr/>
          <a:lstStyle/>
          <a:p>
            <a:fld id="{6A15EBCE-FE69-4EA0-A7A7-118D151FD02F}" type="datetime2">
              <a:rPr lang="da-DK" smtClean="0"/>
              <a:t>30. maj 2025</a:t>
            </a:fld>
            <a:endParaRPr lang="da-DK" dirty="0"/>
          </a:p>
        </p:txBody>
      </p:sp>
      <p:sp>
        <p:nvSpPr>
          <p:cNvPr id="11" name="Pladsholder til sidefod 10" hidden="1">
            <a:extLst>
              <a:ext uri="{FF2B5EF4-FFF2-40B4-BE49-F238E27FC236}">
                <a16:creationId xmlns:a16="http://schemas.microsoft.com/office/drawing/2014/main" id="{889280A1-198A-BBE7-6BBD-9C61B3F85953}"/>
              </a:ext>
            </a:extLst>
          </p:cNvPr>
          <p:cNvSpPr>
            <a:spLocks noGrp="1"/>
          </p:cNvSpPr>
          <p:nvPr>
            <p:ph type="ftr" sz="quarter" idx="19"/>
          </p:nvPr>
        </p:nvSpPr>
        <p:spPr/>
        <p:txBody>
          <a:bodyPr/>
          <a:lstStyle/>
          <a:p>
            <a:endParaRPr lang="da-DK" dirty="0"/>
          </a:p>
        </p:txBody>
      </p:sp>
      <p:sp>
        <p:nvSpPr>
          <p:cNvPr id="12" name="Pladsholder til slidenummer 11" hidden="1">
            <a:extLst>
              <a:ext uri="{FF2B5EF4-FFF2-40B4-BE49-F238E27FC236}">
                <a16:creationId xmlns:a16="http://schemas.microsoft.com/office/drawing/2014/main" id="{03D613F3-97B4-931E-C498-B6B2AD516B5D}"/>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683956326"/>
      </p:ext>
    </p:extLst>
  </p:cSld>
  <p:clrMapOvr>
    <a:masterClrMapping/>
  </p:clrMapOvr>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el, undertitel, indhold i boks og indhold">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3100"/>
          </a:xfrm>
        </p:spPr>
        <p:txBody>
          <a:bodyPr/>
          <a:lstStyle/>
          <a:p>
            <a:r>
              <a:rPr lang="da-DK" dirty="0"/>
              <a:t>Klik for at indsætte overskrift – max. en linje</a:t>
            </a:r>
          </a:p>
        </p:txBody>
      </p:sp>
      <p:sp>
        <p:nvSpPr>
          <p:cNvPr id="5" name="Subtitle 2">
            <a:extLst>
              <a:ext uri="{FF2B5EF4-FFF2-40B4-BE49-F238E27FC236}">
                <a16:creationId xmlns:a16="http://schemas.microsoft.com/office/drawing/2014/main" id="{FC6ABE0D-AB92-E8EA-A825-D3A943832CB4}"/>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6" name="Rectangle: Single Corner Rounded 15">
            <a:extLst>
              <a:ext uri="{FF2B5EF4-FFF2-40B4-BE49-F238E27FC236}">
                <a16:creationId xmlns:a16="http://schemas.microsoft.com/office/drawing/2014/main" id="{321C1839-DBD2-C44C-8687-A005F3C09AEB}"/>
              </a:ext>
            </a:extLst>
          </p:cNvPr>
          <p:cNvSpPr/>
          <p:nvPr userDrawn="1"/>
        </p:nvSpPr>
        <p:spPr bwMode="auto">
          <a:xfrm flipV="1">
            <a:off x="0" y="1685925"/>
            <a:ext cx="7824788" cy="4264024"/>
          </a:xfrm>
          <a:prstGeom prst="round1Rect">
            <a:avLst>
              <a:gd name="adj" fmla="val 13515"/>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7" name="Content Placeholder 2">
            <a:extLst>
              <a:ext uri="{FF2B5EF4-FFF2-40B4-BE49-F238E27FC236}">
                <a16:creationId xmlns:a16="http://schemas.microsoft.com/office/drawing/2014/main" id="{E9B1860C-BFCC-1746-5521-A5B82FB19C72}"/>
              </a:ext>
            </a:extLst>
          </p:cNvPr>
          <p:cNvSpPr>
            <a:spLocks noGrp="1"/>
          </p:cNvSpPr>
          <p:nvPr>
            <p:ph idx="1" hasCustomPrompt="1"/>
          </p:nvPr>
        </p:nvSpPr>
        <p:spPr>
          <a:xfrm>
            <a:off x="6480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11" name="Content Placeholder 2">
            <a:extLst>
              <a:ext uri="{FF2B5EF4-FFF2-40B4-BE49-F238E27FC236}">
                <a16:creationId xmlns:a16="http://schemas.microsoft.com/office/drawing/2014/main" id="{C1ACC670-49B7-4552-69C6-82D25273BD6D}"/>
              </a:ext>
            </a:extLst>
          </p:cNvPr>
          <p:cNvSpPr>
            <a:spLocks noGrp="1"/>
          </p:cNvSpPr>
          <p:nvPr>
            <p:ph idx="14" hasCustomPrompt="1"/>
          </p:nvPr>
        </p:nvSpPr>
        <p:spPr>
          <a:xfrm>
            <a:off x="8755062" y="1943100"/>
            <a:ext cx="2790137" cy="4006850"/>
          </a:xfrm>
        </p:spPr>
        <p:txBody>
          <a:bodyPr/>
          <a:lstStyle>
            <a:lvl1pPr>
              <a:defRPr/>
            </a:lvl1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
        <p:nvSpPr>
          <p:cNvPr id="12" name="Text Placeholder note">
            <a:extLst>
              <a:ext uri="{FF2B5EF4-FFF2-40B4-BE49-F238E27FC236}">
                <a16:creationId xmlns:a16="http://schemas.microsoft.com/office/drawing/2014/main" id="{DCD3A48A-06EB-51FE-2186-11C53C5F7503}"/>
              </a:ext>
            </a:extLst>
          </p:cNvPr>
          <p:cNvSpPr>
            <a:spLocks noGrp="1"/>
          </p:cNvSpPr>
          <p:nvPr>
            <p:ph type="body" sz="quarter" idx="17" hasCustomPrompt="1"/>
          </p:nvPr>
        </p:nvSpPr>
        <p:spPr>
          <a:xfrm>
            <a:off x="8755062" y="5949950"/>
            <a:ext cx="2790137"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3" name="Pladsholder til dato 2" hidden="1">
            <a:extLst>
              <a:ext uri="{FF2B5EF4-FFF2-40B4-BE49-F238E27FC236}">
                <a16:creationId xmlns:a16="http://schemas.microsoft.com/office/drawing/2014/main" id="{CC95E95A-476B-9C14-D999-70F27F0BDE4A}"/>
              </a:ext>
            </a:extLst>
          </p:cNvPr>
          <p:cNvSpPr>
            <a:spLocks noGrp="1"/>
          </p:cNvSpPr>
          <p:nvPr>
            <p:ph type="dt" sz="half" idx="18"/>
          </p:nvPr>
        </p:nvSpPr>
        <p:spPr/>
        <p:txBody>
          <a:bodyPr/>
          <a:lstStyle/>
          <a:p>
            <a:fld id="{7F0647A0-B639-4644-B7A6-E2022BFF6B60}" type="datetime2">
              <a:rPr lang="da-DK" smtClean="0"/>
              <a:t>30. maj 2025</a:t>
            </a:fld>
            <a:endParaRPr lang="da-DK" dirty="0"/>
          </a:p>
        </p:txBody>
      </p:sp>
      <p:sp>
        <p:nvSpPr>
          <p:cNvPr id="4" name="Pladsholder til sidefod 3" hidden="1">
            <a:extLst>
              <a:ext uri="{FF2B5EF4-FFF2-40B4-BE49-F238E27FC236}">
                <a16:creationId xmlns:a16="http://schemas.microsoft.com/office/drawing/2014/main" id="{6548771E-2E35-0A64-BB60-C5C7B01B8D1B}"/>
              </a:ext>
            </a:extLst>
          </p:cNvPr>
          <p:cNvSpPr>
            <a:spLocks noGrp="1"/>
          </p:cNvSpPr>
          <p:nvPr>
            <p:ph type="ftr" sz="quarter" idx="19"/>
          </p:nvPr>
        </p:nvSpPr>
        <p:spPr/>
        <p:txBody>
          <a:bodyPr/>
          <a:lstStyle/>
          <a:p>
            <a:endParaRPr lang="da-DK" dirty="0"/>
          </a:p>
        </p:txBody>
      </p:sp>
      <p:sp>
        <p:nvSpPr>
          <p:cNvPr id="13" name="Pladsholder til slidenummer 12" hidden="1">
            <a:extLst>
              <a:ext uri="{FF2B5EF4-FFF2-40B4-BE49-F238E27FC236}">
                <a16:creationId xmlns:a16="http://schemas.microsoft.com/office/drawing/2014/main" id="{F1C4F2DF-9876-F898-EC75-3A6FC72010C9}"/>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303041078"/>
      </p:ext>
    </p:extLst>
  </p:cSld>
  <p:clrMapOvr>
    <a:masterClrMapping/>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Forside billede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p>
        </p:txBody>
      </p:sp>
      <p:sp>
        <p:nvSpPr>
          <p:cNvPr id="44" name="Hvid kasse">
            <a:extLst>
              <a:ext uri="{FF2B5EF4-FFF2-40B4-BE49-F238E27FC236}">
                <a16:creationId xmlns:a16="http://schemas.microsoft.com/office/drawing/2014/main" id="{3CBB74ED-65A9-39F5-79DE-B76C72DC5539}"/>
              </a:ext>
            </a:extLst>
          </p:cNvPr>
          <p:cNvSpPr>
            <a:spLocks noGrp="1" noRot="1" noMove="1" noResize="1" noEditPoints="1" noAdjustHandles="1" noChangeArrowheads="1" noChangeShapeType="1"/>
          </p:cNvSpPr>
          <p:nvPr userDrawn="1"/>
        </p:nvSpPr>
        <p:spPr bwMode="ltGray">
          <a:xfrm>
            <a:off x="388800" y="388800"/>
            <a:ext cx="6214528" cy="2664000"/>
          </a:xfrm>
          <a:custGeom>
            <a:avLst/>
            <a:gdLst>
              <a:gd name="connsiteX0" fmla="*/ 262537 w 6214528"/>
              <a:gd name="connsiteY0" fmla="*/ 0 h 2664000"/>
              <a:gd name="connsiteX1" fmla="*/ 5951991 w 6214528"/>
              <a:gd name="connsiteY1" fmla="*/ 0 h 2664000"/>
              <a:gd name="connsiteX2" fmla="*/ 6214528 w 6214528"/>
              <a:gd name="connsiteY2" fmla="*/ 262537 h 2664000"/>
              <a:gd name="connsiteX3" fmla="*/ 6214528 w 6214528"/>
              <a:gd name="connsiteY3" fmla="*/ 1826775 h 2664000"/>
              <a:gd name="connsiteX4" fmla="*/ 6214528 w 6214528"/>
              <a:gd name="connsiteY4" fmla="*/ 2401463 h 2664000"/>
              <a:gd name="connsiteX5" fmla="*/ 6214528 w 6214528"/>
              <a:gd name="connsiteY5" fmla="*/ 2664000 h 2664000"/>
              <a:gd name="connsiteX6" fmla="*/ 5951991 w 6214528"/>
              <a:gd name="connsiteY6" fmla="*/ 2664000 h 2664000"/>
              <a:gd name="connsiteX7" fmla="*/ 5354820 w 6214528"/>
              <a:gd name="connsiteY7" fmla="*/ 2664000 h 2664000"/>
              <a:gd name="connsiteX8" fmla="*/ 262537 w 6214528"/>
              <a:gd name="connsiteY8" fmla="*/ 2664000 h 2664000"/>
              <a:gd name="connsiteX9" fmla="*/ 0 w 6214528"/>
              <a:gd name="connsiteY9" fmla="*/ 2401463 h 2664000"/>
              <a:gd name="connsiteX10" fmla="*/ 0 w 6214528"/>
              <a:gd name="connsiteY10" fmla="*/ 262537 h 2664000"/>
              <a:gd name="connsiteX11" fmla="*/ 262537 w 6214528"/>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214528" h="2664000">
                <a:moveTo>
                  <a:pt x="262537" y="0"/>
                </a:moveTo>
                <a:lnTo>
                  <a:pt x="5951991" y="0"/>
                </a:lnTo>
                <a:cubicBezTo>
                  <a:pt x="6096986" y="0"/>
                  <a:pt x="6214528" y="117542"/>
                  <a:pt x="6214528" y="262537"/>
                </a:cubicBezTo>
                <a:lnTo>
                  <a:pt x="6214528" y="1826775"/>
                </a:lnTo>
                <a:lnTo>
                  <a:pt x="6214528" y="2401463"/>
                </a:lnTo>
                <a:lnTo>
                  <a:pt x="6214528" y="2664000"/>
                </a:lnTo>
                <a:lnTo>
                  <a:pt x="5951991" y="2664000"/>
                </a:lnTo>
                <a:lnTo>
                  <a:pt x="5354820" y="2664000"/>
                </a:lnTo>
                <a:lnTo>
                  <a:pt x="262537" y="2664000"/>
                </a:lnTo>
                <a:cubicBezTo>
                  <a:pt x="117542" y="2664000"/>
                  <a:pt x="0" y="2546458"/>
                  <a:pt x="0" y="2401463"/>
                </a:cubicBezTo>
                <a:lnTo>
                  <a:pt x="0" y="262537"/>
                </a:lnTo>
                <a:cubicBezTo>
                  <a:pt x="0" y="117542"/>
                  <a:pt x="117542" y="0"/>
                  <a:pt x="262537" y="0"/>
                </a:cubicBezTo>
                <a:close/>
              </a:path>
            </a:pathLst>
          </a:custGeom>
          <a:solidFill>
            <a:schemeClr val="accent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7999" y="647999"/>
            <a:ext cx="5436163" cy="1908000"/>
          </a:xfrm>
        </p:spPr>
        <p:txBody>
          <a:bodyPr anchor="t" anchorCtr="0"/>
          <a:lstStyle>
            <a:lvl1pPr algn="l">
              <a:defRPr sz="4400">
                <a:solidFill>
                  <a:schemeClr val="bg1"/>
                </a:solidFill>
              </a:defRPr>
            </a:lvl1pPr>
          </a:lstStyle>
          <a:p>
            <a:r>
              <a:rPr lang="da-DK" dirty="0"/>
              <a:t>Klik for at indsætte overskrift – max. tre linjer</a:t>
            </a:r>
          </a:p>
        </p:txBody>
      </p:sp>
      <p:sp>
        <p:nvSpPr>
          <p:cNvPr id="14" name="Navne kasse">
            <a:extLst>
              <a:ext uri="{FF2B5EF4-FFF2-40B4-BE49-F238E27FC236}">
                <a16:creationId xmlns:a16="http://schemas.microsoft.com/office/drawing/2014/main" id="{DDBEFA5B-3926-71DD-6A16-85D4E2504949}"/>
              </a:ext>
            </a:extLst>
          </p:cNvPr>
          <p:cNvSpPr>
            <a:spLocks noGrp="1" noRot="1" noMove="1" noResize="1" noEditPoints="1" noAdjustHandles="1" noChangeArrowheads="1" noChangeShapeType="1"/>
          </p:cNvSpPr>
          <p:nvPr userDrawn="1"/>
        </p:nvSpPr>
        <p:spPr bwMode="ltGray">
          <a:xfrm>
            <a:off x="388800" y="3181117"/>
            <a:ext cx="3431451" cy="1130401"/>
          </a:xfrm>
          <a:custGeom>
            <a:avLst/>
            <a:gdLst>
              <a:gd name="connsiteX0" fmla="*/ 0 w 3431451"/>
              <a:gd name="connsiteY0" fmla="*/ 0 h 1130401"/>
              <a:gd name="connsiteX1" fmla="*/ 309398 w 3431451"/>
              <a:gd name="connsiteY1" fmla="*/ 0 h 1130401"/>
              <a:gd name="connsiteX2" fmla="*/ 360803 w 3431451"/>
              <a:gd name="connsiteY2" fmla="*/ 0 h 1130401"/>
              <a:gd name="connsiteX3" fmla="*/ 1784429 w 3431451"/>
              <a:gd name="connsiteY3" fmla="*/ 0 h 1130401"/>
              <a:gd name="connsiteX4" fmla="*/ 1984561 w 3431451"/>
              <a:gd name="connsiteY4" fmla="*/ 0 h 1130401"/>
              <a:gd name="connsiteX5" fmla="*/ 2864082 w 3431451"/>
              <a:gd name="connsiteY5" fmla="*/ 0 h 1130401"/>
              <a:gd name="connsiteX6" fmla="*/ 2864082 w 3431451"/>
              <a:gd name="connsiteY6" fmla="*/ 220 h 1130401"/>
              <a:gd name="connsiteX7" fmla="*/ 2866251 w 3431451"/>
              <a:gd name="connsiteY7" fmla="*/ 1 h 1130401"/>
              <a:gd name="connsiteX8" fmla="*/ 3431451 w 3431451"/>
              <a:gd name="connsiteY8" fmla="*/ 565201 h 1130401"/>
              <a:gd name="connsiteX9" fmla="*/ 2866251 w 3431451"/>
              <a:gd name="connsiteY9" fmla="*/ 1130401 h 1130401"/>
              <a:gd name="connsiteX10" fmla="*/ 2864082 w 3431451"/>
              <a:gd name="connsiteY10" fmla="*/ 1130183 h 1130401"/>
              <a:gd name="connsiteX11" fmla="*/ 2864082 w 3431451"/>
              <a:gd name="connsiteY11" fmla="*/ 1130400 h 1130401"/>
              <a:gd name="connsiteX12" fmla="*/ 1784429 w 3431451"/>
              <a:gd name="connsiteY12" fmla="*/ 1130400 h 1130401"/>
              <a:gd name="connsiteX13" fmla="*/ 1784429 w 3431451"/>
              <a:gd name="connsiteY13" fmla="*/ 1129231 h 1130401"/>
              <a:gd name="connsiteX14" fmla="*/ 309398 w 3431451"/>
              <a:gd name="connsiteY14" fmla="*/ 1129231 h 1130401"/>
              <a:gd name="connsiteX15" fmla="*/ 0 w 3431451"/>
              <a:gd name="connsiteY15" fmla="*/ 819833 h 1130401"/>
              <a:gd name="connsiteX16" fmla="*/ 0 w 3431451"/>
              <a:gd name="connsiteY16" fmla="*/ 360803 h 1130401"/>
              <a:gd name="connsiteX17" fmla="*/ 0 w 3431451"/>
              <a:gd name="connsiteY17" fmla="*/ 309398 h 11304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431451" h="1130401">
                <a:moveTo>
                  <a:pt x="0" y="0"/>
                </a:moveTo>
                <a:lnTo>
                  <a:pt x="309398" y="0"/>
                </a:lnTo>
                <a:lnTo>
                  <a:pt x="360803" y="0"/>
                </a:lnTo>
                <a:lnTo>
                  <a:pt x="1784429" y="0"/>
                </a:lnTo>
                <a:lnTo>
                  <a:pt x="1984561" y="0"/>
                </a:lnTo>
                <a:lnTo>
                  <a:pt x="2864082" y="0"/>
                </a:lnTo>
                <a:lnTo>
                  <a:pt x="2864082" y="220"/>
                </a:lnTo>
                <a:lnTo>
                  <a:pt x="2866251" y="1"/>
                </a:lnTo>
                <a:cubicBezTo>
                  <a:pt x="3178402" y="1"/>
                  <a:pt x="3431451" y="253050"/>
                  <a:pt x="3431451" y="565201"/>
                </a:cubicBezTo>
                <a:cubicBezTo>
                  <a:pt x="3431451" y="877352"/>
                  <a:pt x="3178402" y="1130401"/>
                  <a:pt x="2866251" y="1130401"/>
                </a:cubicBezTo>
                <a:lnTo>
                  <a:pt x="2864082" y="1130183"/>
                </a:lnTo>
                <a:lnTo>
                  <a:pt x="2864082" y="1130400"/>
                </a:lnTo>
                <a:lnTo>
                  <a:pt x="1784429" y="1130400"/>
                </a:lnTo>
                <a:lnTo>
                  <a:pt x="1784429" y="1129231"/>
                </a:lnTo>
                <a:lnTo>
                  <a:pt x="309398" y="1129231"/>
                </a:lnTo>
                <a:cubicBezTo>
                  <a:pt x="138522" y="1129231"/>
                  <a:pt x="0" y="990709"/>
                  <a:pt x="0" y="819833"/>
                </a:cubicBezTo>
                <a:lnTo>
                  <a:pt x="0" y="360803"/>
                </a:lnTo>
                <a:lnTo>
                  <a:pt x="0" y="309398"/>
                </a:ln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5" name="Pladsholder til tekst navn">
            <a:extLst>
              <a:ext uri="{FF2B5EF4-FFF2-40B4-BE49-F238E27FC236}">
                <a16:creationId xmlns:a16="http://schemas.microsoft.com/office/drawing/2014/main" id="{FFA186A6-CFBA-E3D8-4BAA-76661E92AD5B}"/>
              </a:ext>
            </a:extLst>
          </p:cNvPr>
          <p:cNvSpPr>
            <a:spLocks noGrp="1"/>
          </p:cNvSpPr>
          <p:nvPr>
            <p:ph type="body" sz="quarter" idx="18" hasCustomPrompt="1"/>
          </p:nvPr>
        </p:nvSpPr>
        <p:spPr>
          <a:xfrm>
            <a:off x="648000" y="3292346"/>
            <a:ext cx="278640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16" name="Pladsholder til tekst efternavn">
            <a:extLst>
              <a:ext uri="{FF2B5EF4-FFF2-40B4-BE49-F238E27FC236}">
                <a16:creationId xmlns:a16="http://schemas.microsoft.com/office/drawing/2014/main" id="{0639540E-3E75-4573-9921-2D9E77D18B28}"/>
              </a:ext>
            </a:extLst>
          </p:cNvPr>
          <p:cNvSpPr>
            <a:spLocks noGrp="1"/>
          </p:cNvSpPr>
          <p:nvPr>
            <p:ph type="body" sz="quarter" idx="19" hasCustomPrompt="1"/>
          </p:nvPr>
        </p:nvSpPr>
        <p:spPr>
          <a:xfrm>
            <a:off x="648000" y="3578598"/>
            <a:ext cx="278735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17" name="Date Placeholder 6">
            <a:extLst>
              <a:ext uri="{FF2B5EF4-FFF2-40B4-BE49-F238E27FC236}">
                <a16:creationId xmlns:a16="http://schemas.microsoft.com/office/drawing/2014/main" id="{507A64B3-127A-DB52-8A39-1BCC311F3DE9}"/>
              </a:ext>
            </a:extLst>
          </p:cNvPr>
          <p:cNvSpPr>
            <a:spLocks noGrp="1"/>
          </p:cNvSpPr>
          <p:nvPr>
            <p:ph type="dt" sz="half" idx="15"/>
          </p:nvPr>
        </p:nvSpPr>
        <p:spPr>
          <a:xfrm>
            <a:off x="648000" y="3872772"/>
            <a:ext cx="2786400" cy="324000"/>
          </a:xfrm>
          <a:prstGeom prst="rect">
            <a:avLst/>
          </a:prstGeom>
        </p:spPr>
        <p:txBody>
          <a:bodyPr anchor="t" anchorCtr="0"/>
          <a:lstStyle>
            <a:lvl1pPr algn="l">
              <a:defRPr sz="2000">
                <a:solidFill>
                  <a:srgbClr val="38025C"/>
                </a:solidFill>
              </a:defRPr>
            </a:lvl1pPr>
          </a:lstStyle>
          <a:p>
            <a:fld id="{27E5D938-A7D3-45B9-BEB6-D9B4DFC7DEDE}" type="datetime2">
              <a:rPr lang="da-DK" smtClean="0"/>
              <a:pPr/>
              <a:t>30. maj 2025</a:t>
            </a:fld>
            <a:endParaRPr lang="da-DK" dirty="0"/>
          </a:p>
        </p:txBody>
      </p:sp>
      <p:pic>
        <p:nvPicPr>
          <p:cNvPr id="4" name="Dynamic cover logo hvid" descr="{&quot;templafy&quot;:{&quot;id&quot;:&quot;43b16df3-2e2a-4d8d-bbb5-7c890c5a356a&quot;}}">
            <a:extLst>
              <a:ext uri="{FF2B5EF4-FFF2-40B4-BE49-F238E27FC236}">
                <a16:creationId xmlns:a16="http://schemas.microsoft.com/office/drawing/2014/main" id="{3F7EE026-E724-F3F1-22FA-5AB4C86248D4}"/>
              </a:ext>
            </a:extLst>
          </p:cNvPr>
          <p:cNvPicPr>
            <a:picLocks noChangeAspect="1"/>
          </p:cNvPicPr>
          <p:nvPr userDrawn="1"/>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1724859657"/>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el, undertitel, indhold og indhold i boks">
    <p:bg>
      <p:bgPr>
        <a:solidFill>
          <a:schemeClr val="bg2"/>
        </a:solidFill>
        <a:effectLst/>
      </p:bgPr>
    </p:bg>
    <p:spTree>
      <p:nvGrpSpPr>
        <p:cNvPr id="1" name=""/>
        <p:cNvGrpSpPr/>
        <p:nvPr/>
      </p:nvGrpSpPr>
      <p:grpSpPr>
        <a:xfrm>
          <a:off x="0" y="0"/>
          <a:ext cx="0" cy="0"/>
          <a:chOff x="0" y="0"/>
          <a:chExt cx="0" cy="0"/>
        </a:xfrm>
      </p:grpSpPr>
      <p:sp>
        <p:nvSpPr>
          <p:cNvPr id="19" name="Kombinationstegning: figur 18">
            <a:extLst>
              <a:ext uri="{FF2B5EF4-FFF2-40B4-BE49-F238E27FC236}">
                <a16:creationId xmlns:a16="http://schemas.microsoft.com/office/drawing/2014/main" id="{7956A760-0F29-E355-088D-58A1FAEDF759}"/>
              </a:ext>
            </a:extLst>
          </p:cNvPr>
          <p:cNvSpPr/>
          <p:nvPr userDrawn="1"/>
        </p:nvSpPr>
        <p:spPr bwMode="auto">
          <a:xfrm flipV="1">
            <a:off x="4367212"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1171575 h 4264024"/>
              <a:gd name="connsiteX9" fmla="*/ 7824788 w 7824788"/>
              <a:gd name="connsiteY9" fmla="*/ 533387 h 4264024"/>
              <a:gd name="connsiteX10" fmla="*/ 7824788 w 7824788"/>
              <a:gd name="connsiteY10" fmla="*/ 0 h 4264024"/>
              <a:gd name="connsiteX11" fmla="*/ 7291401 w 7824788"/>
              <a:gd name="connsiteY11" fmla="*/ 0 h 4264024"/>
              <a:gd name="connsiteX12" fmla="*/ 6548438 w 7824788"/>
              <a:gd name="connsiteY12" fmla="*/ 0 h 4264024"/>
              <a:gd name="connsiteX13" fmla="*/ 533387 w 7824788"/>
              <a:gd name="connsiteY13" fmla="*/ 0 h 4264024"/>
              <a:gd name="connsiteX14" fmla="*/ 0 w 7824788"/>
              <a:gd name="connsiteY14" fmla="*/ 533387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1171575"/>
                </a:lnTo>
                <a:lnTo>
                  <a:pt x="7824788" y="533387"/>
                </a:lnTo>
                <a:lnTo>
                  <a:pt x="7824788" y="0"/>
                </a:lnTo>
                <a:lnTo>
                  <a:pt x="7291401" y="0"/>
                </a:lnTo>
                <a:lnTo>
                  <a:pt x="6548438" y="0"/>
                </a:lnTo>
                <a:lnTo>
                  <a:pt x="533387" y="0"/>
                </a:lnTo>
                <a:cubicBezTo>
                  <a:pt x="238805" y="0"/>
                  <a:pt x="0" y="238805"/>
                  <a:pt x="0" y="533387"/>
                </a:cubicBez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lvl1pPr>
              <a:defRPr/>
            </a:lvl1pPr>
          </a:lstStyle>
          <a:p>
            <a:r>
              <a:rPr lang="da-DK" dirty="0"/>
              <a:t>Klik for at indsætte overskrift – max. en linje</a:t>
            </a:r>
          </a:p>
        </p:txBody>
      </p:sp>
      <p:sp>
        <p:nvSpPr>
          <p:cNvPr id="11" name="Subtitle 2">
            <a:extLst>
              <a:ext uri="{FF2B5EF4-FFF2-40B4-BE49-F238E27FC236}">
                <a16:creationId xmlns:a16="http://schemas.microsoft.com/office/drawing/2014/main" id="{AA9CC7F3-A167-27AF-EA67-E46CB6F5832F}"/>
              </a:ext>
            </a:extLst>
          </p:cNvPr>
          <p:cNvSpPr>
            <a:spLocks noGrp="1"/>
          </p:cNvSpPr>
          <p:nvPr>
            <p:ph type="subTitle" idx="18"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46404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648000" y="1943100"/>
            <a:ext cx="2790137" cy="4006850"/>
          </a:xfrm>
        </p:spPr>
        <p:txBody>
          <a:bodyPr/>
          <a:lstStyle>
            <a:lvl1pPr>
              <a:defRPr/>
            </a:lvl1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25269864-9DC1-9A97-CB37-44AB255F33C5}"/>
              </a:ext>
            </a:extLst>
          </p:cNvPr>
          <p:cNvSpPr>
            <a:spLocks noGrp="1"/>
          </p:cNvSpPr>
          <p:nvPr>
            <p:ph type="dt" sz="half" idx="19"/>
          </p:nvPr>
        </p:nvSpPr>
        <p:spPr/>
        <p:txBody>
          <a:bodyPr/>
          <a:lstStyle/>
          <a:p>
            <a:fld id="{21684E64-783B-4067-B225-396786B56D0D}" type="datetime2">
              <a:rPr lang="da-DK" smtClean="0"/>
              <a:t>30. maj 2025</a:t>
            </a:fld>
            <a:endParaRPr lang="da-DK" dirty="0"/>
          </a:p>
        </p:txBody>
      </p:sp>
      <p:sp>
        <p:nvSpPr>
          <p:cNvPr id="6" name="Pladsholder til sidefod 5" hidden="1">
            <a:extLst>
              <a:ext uri="{FF2B5EF4-FFF2-40B4-BE49-F238E27FC236}">
                <a16:creationId xmlns:a16="http://schemas.microsoft.com/office/drawing/2014/main" id="{5FE15E82-906C-2363-0821-844E542975F7}"/>
              </a:ext>
            </a:extLst>
          </p:cNvPr>
          <p:cNvSpPr>
            <a:spLocks noGrp="1"/>
          </p:cNvSpPr>
          <p:nvPr>
            <p:ph type="ftr" sz="quarter" idx="20"/>
          </p:nvPr>
        </p:nvSpPr>
        <p:spPr/>
        <p:txBody>
          <a:bodyPr/>
          <a:lstStyle/>
          <a:p>
            <a:endParaRPr lang="da-DK" dirty="0"/>
          </a:p>
        </p:txBody>
      </p:sp>
      <p:sp>
        <p:nvSpPr>
          <p:cNvPr id="7" name="Pladsholder til slidenummer 6" hidden="1">
            <a:extLst>
              <a:ext uri="{FF2B5EF4-FFF2-40B4-BE49-F238E27FC236}">
                <a16:creationId xmlns:a16="http://schemas.microsoft.com/office/drawing/2014/main" id="{E045214C-F52E-C5ED-514E-4BCA1589BEDF}"/>
              </a:ext>
            </a:extLst>
          </p:cNvPr>
          <p:cNvSpPr>
            <a:spLocks noGrp="1"/>
          </p:cNvSpPr>
          <p:nvPr>
            <p:ph type="sldNum" sz="quarter" idx="21"/>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602984735"/>
      </p:ext>
    </p:extLst>
  </p:cSld>
  <p:clrMapOvr>
    <a:masterClrMapping/>
  </p:clrMapOvr>
  <p:extLst>
    <p:ext uri="{DCECCB84-F9BA-43D5-87BE-67443E8EF086}">
      <p15:sldGuideLst xmlns:p15="http://schemas.microsoft.com/office/powerpoint/2012/main"/>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el, undertitel og to indhold i boks">
    <p:bg>
      <p:bgPr>
        <a:solidFill>
          <a:schemeClr val="bg2"/>
        </a:solidFill>
        <a:effectLst/>
      </p:bgPr>
    </p:bg>
    <p:spTree>
      <p:nvGrpSpPr>
        <p:cNvPr id="1" name=""/>
        <p:cNvGrpSpPr/>
        <p:nvPr/>
      </p:nvGrpSpPr>
      <p:grpSpPr>
        <a:xfrm>
          <a:off x="0" y="0"/>
          <a:ext cx="0" cy="0"/>
          <a:chOff x="0" y="0"/>
          <a:chExt cx="0" cy="0"/>
        </a:xfrm>
      </p:grpSpPr>
      <p:sp>
        <p:nvSpPr>
          <p:cNvPr id="4" name="Rectangle: Single Corner Rounded 15">
            <a:extLst>
              <a:ext uri="{FF2B5EF4-FFF2-40B4-BE49-F238E27FC236}">
                <a16:creationId xmlns:a16="http://schemas.microsoft.com/office/drawing/2014/main" id="{7235954B-8849-8E63-0A81-519032526B3F}"/>
              </a:ext>
            </a:extLst>
          </p:cNvPr>
          <p:cNvSpPr/>
          <p:nvPr userDrawn="1"/>
        </p:nvSpPr>
        <p:spPr>
          <a:xfrm flipV="1">
            <a:off x="0" y="1943999"/>
            <a:ext cx="5965825" cy="4005950"/>
          </a:xfrm>
          <a:prstGeom prst="round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8" name="Kombinationstegning: figur 7">
            <a:extLst>
              <a:ext uri="{FF2B5EF4-FFF2-40B4-BE49-F238E27FC236}">
                <a16:creationId xmlns:a16="http://schemas.microsoft.com/office/drawing/2014/main" id="{27BFBB39-F32F-ADCB-84E2-1282B909A974}"/>
              </a:ext>
            </a:extLst>
          </p:cNvPr>
          <p:cNvSpPr/>
          <p:nvPr userDrawn="1"/>
        </p:nvSpPr>
        <p:spPr bwMode="auto">
          <a:xfrm flipV="1">
            <a:off x="6226176" y="1685926"/>
            <a:ext cx="5316538" cy="4264024"/>
          </a:xfrm>
          <a:custGeom>
            <a:avLst/>
            <a:gdLst>
              <a:gd name="connsiteX0" fmla="*/ 529848 w 5316538"/>
              <a:gd name="connsiteY0" fmla="*/ 4264024 h 4264024"/>
              <a:gd name="connsiteX1" fmla="*/ 4786690 w 5316538"/>
              <a:gd name="connsiteY1" fmla="*/ 4264024 h 4264024"/>
              <a:gd name="connsiteX2" fmla="*/ 5316538 w 5316538"/>
              <a:gd name="connsiteY2" fmla="*/ 3734176 h 4264024"/>
              <a:gd name="connsiteX3" fmla="*/ 5316538 w 5316538"/>
              <a:gd name="connsiteY3" fmla="*/ 529848 h 4264024"/>
              <a:gd name="connsiteX4" fmla="*/ 4786690 w 5316538"/>
              <a:gd name="connsiteY4" fmla="*/ 0 h 4264024"/>
              <a:gd name="connsiteX5" fmla="*/ 1571625 w 5316538"/>
              <a:gd name="connsiteY5" fmla="*/ 0 h 4264024"/>
              <a:gd name="connsiteX6" fmla="*/ 529848 w 5316538"/>
              <a:gd name="connsiteY6" fmla="*/ 0 h 4264024"/>
              <a:gd name="connsiteX7" fmla="*/ 0 w 5316538"/>
              <a:gd name="connsiteY7" fmla="*/ 0 h 4264024"/>
              <a:gd name="connsiteX8" fmla="*/ 0 w 5316538"/>
              <a:gd name="connsiteY8" fmla="*/ 529848 h 4264024"/>
              <a:gd name="connsiteX9" fmla="*/ 0 w 5316538"/>
              <a:gd name="connsiteY9" fmla="*/ 1143000 h 4264024"/>
              <a:gd name="connsiteX10" fmla="*/ 0 w 5316538"/>
              <a:gd name="connsiteY10" fmla="*/ 3734176 h 4264024"/>
              <a:gd name="connsiteX11" fmla="*/ 529848 w 5316538"/>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316538" h="4264024">
                <a:moveTo>
                  <a:pt x="529848" y="4264024"/>
                </a:moveTo>
                <a:lnTo>
                  <a:pt x="4786690" y="4264024"/>
                </a:lnTo>
                <a:cubicBezTo>
                  <a:pt x="5079317" y="4264024"/>
                  <a:pt x="5316538" y="4026803"/>
                  <a:pt x="5316538" y="3734176"/>
                </a:cubicBezTo>
                <a:lnTo>
                  <a:pt x="5316538" y="529848"/>
                </a:lnTo>
                <a:cubicBezTo>
                  <a:pt x="5316538" y="237221"/>
                  <a:pt x="5079317" y="0"/>
                  <a:pt x="4786690" y="0"/>
                </a:cubicBezTo>
                <a:lnTo>
                  <a:pt x="1571625" y="0"/>
                </a:lnTo>
                <a:lnTo>
                  <a:pt x="529848" y="0"/>
                </a:lnTo>
                <a:lnTo>
                  <a:pt x="0" y="0"/>
                </a:lnTo>
                <a:lnTo>
                  <a:pt x="0" y="529848"/>
                </a:lnTo>
                <a:lnTo>
                  <a:pt x="0" y="1143000"/>
                </a:lnTo>
                <a:lnTo>
                  <a:pt x="0" y="3734176"/>
                </a:lnTo>
                <a:cubicBezTo>
                  <a:pt x="0" y="4026803"/>
                  <a:pt x="237221" y="4264024"/>
                  <a:pt x="529848"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9" name="Kombinationstegning: figur 8">
            <a:extLst>
              <a:ext uri="{FF2B5EF4-FFF2-40B4-BE49-F238E27FC236}">
                <a16:creationId xmlns:a16="http://schemas.microsoft.com/office/drawing/2014/main" id="{373C8EEB-9FB4-DB58-D299-02E2DFEF0E8C}"/>
              </a:ext>
            </a:extLst>
          </p:cNvPr>
          <p:cNvSpPr/>
          <p:nvPr userDrawn="1"/>
        </p:nvSpPr>
        <p:spPr bwMode="auto">
          <a:xfrm flipV="1">
            <a:off x="0" y="1685925"/>
            <a:ext cx="5965825" cy="4264024"/>
          </a:xfrm>
          <a:custGeom>
            <a:avLst/>
            <a:gdLst>
              <a:gd name="connsiteX0" fmla="*/ 0 w 5965825"/>
              <a:gd name="connsiteY0" fmla="*/ 4264024 h 4264024"/>
              <a:gd name="connsiteX1" fmla="*/ 537139 w 5965825"/>
              <a:gd name="connsiteY1" fmla="*/ 4264024 h 4264024"/>
              <a:gd name="connsiteX2" fmla="*/ 1571625 w 5965825"/>
              <a:gd name="connsiteY2" fmla="*/ 4264024 h 4264024"/>
              <a:gd name="connsiteX3" fmla="*/ 5428686 w 5965825"/>
              <a:gd name="connsiteY3" fmla="*/ 4264024 h 4264024"/>
              <a:gd name="connsiteX4" fmla="*/ 5965825 w 5965825"/>
              <a:gd name="connsiteY4" fmla="*/ 3726885 h 4264024"/>
              <a:gd name="connsiteX5" fmla="*/ 5965825 w 5965825"/>
              <a:gd name="connsiteY5" fmla="*/ 537139 h 4264024"/>
              <a:gd name="connsiteX6" fmla="*/ 5428686 w 5965825"/>
              <a:gd name="connsiteY6" fmla="*/ 0 h 4264024"/>
              <a:gd name="connsiteX7" fmla="*/ 1571625 w 5965825"/>
              <a:gd name="connsiteY7" fmla="*/ 0 h 4264024"/>
              <a:gd name="connsiteX8" fmla="*/ 537139 w 5965825"/>
              <a:gd name="connsiteY8" fmla="*/ 0 h 4264024"/>
              <a:gd name="connsiteX9" fmla="*/ 0 w 5965825"/>
              <a:gd name="connsiteY9" fmla="*/ 0 h 4264024"/>
              <a:gd name="connsiteX10" fmla="*/ 0 w 5965825"/>
              <a:gd name="connsiteY10" fmla="*/ 537139 h 4264024"/>
              <a:gd name="connsiteX11" fmla="*/ 0 w 5965825"/>
              <a:gd name="connsiteY11" fmla="*/ 1143000 h 4264024"/>
              <a:gd name="connsiteX12" fmla="*/ 0 w 5965825"/>
              <a:gd name="connsiteY12" fmla="*/ 3121024 h 4264024"/>
              <a:gd name="connsiteX13" fmla="*/ 0 w 5965825"/>
              <a:gd name="connsiteY13" fmla="*/ 3726885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65825" h="4264024">
                <a:moveTo>
                  <a:pt x="0" y="4264024"/>
                </a:moveTo>
                <a:lnTo>
                  <a:pt x="537139" y="4264024"/>
                </a:lnTo>
                <a:lnTo>
                  <a:pt x="1571625" y="4264024"/>
                </a:lnTo>
                <a:lnTo>
                  <a:pt x="5428686" y="4264024"/>
                </a:lnTo>
                <a:cubicBezTo>
                  <a:pt x="5725340" y="4264024"/>
                  <a:pt x="5965825" y="4023539"/>
                  <a:pt x="5965825" y="3726885"/>
                </a:cubicBezTo>
                <a:lnTo>
                  <a:pt x="5965825" y="537139"/>
                </a:lnTo>
                <a:cubicBezTo>
                  <a:pt x="5965825" y="240485"/>
                  <a:pt x="5725340" y="0"/>
                  <a:pt x="5428686" y="0"/>
                </a:cubicBezTo>
                <a:lnTo>
                  <a:pt x="1571625" y="0"/>
                </a:lnTo>
                <a:lnTo>
                  <a:pt x="537139" y="0"/>
                </a:lnTo>
                <a:lnTo>
                  <a:pt x="0" y="0"/>
                </a:lnTo>
                <a:lnTo>
                  <a:pt x="0" y="537139"/>
                </a:lnTo>
                <a:lnTo>
                  <a:pt x="0" y="1143000"/>
                </a:lnTo>
                <a:lnTo>
                  <a:pt x="0" y="3121024"/>
                </a:lnTo>
                <a:lnTo>
                  <a:pt x="0" y="3726885"/>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3100"/>
          </a:xfrm>
        </p:spPr>
        <p:txBody>
          <a:bodyPr/>
          <a:lstStyle/>
          <a:p>
            <a:r>
              <a:rPr lang="da-DK" dirty="0"/>
              <a:t>Klik for at indsætte overskrift – max. en linje</a:t>
            </a:r>
          </a:p>
        </p:txBody>
      </p:sp>
      <p:sp>
        <p:nvSpPr>
          <p:cNvPr id="5" name="Subtitle 2">
            <a:extLst>
              <a:ext uri="{FF2B5EF4-FFF2-40B4-BE49-F238E27FC236}">
                <a16:creationId xmlns:a16="http://schemas.microsoft.com/office/drawing/2014/main" id="{FC6ABE0D-AB92-E8EA-A825-D3A943832CB4}"/>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647998" y="1944000"/>
            <a:ext cx="5061600" cy="336232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29" name="Content Placeholder 2">
            <a:extLst>
              <a:ext uri="{FF2B5EF4-FFF2-40B4-BE49-F238E27FC236}">
                <a16:creationId xmlns:a16="http://schemas.microsoft.com/office/drawing/2014/main" id="{51ACAAA7-0466-2321-F95F-97DBA7C58A55}"/>
              </a:ext>
            </a:extLst>
          </p:cNvPr>
          <p:cNvSpPr>
            <a:spLocks noGrp="1"/>
          </p:cNvSpPr>
          <p:nvPr>
            <p:ph idx="14" hasCustomPrompt="1"/>
          </p:nvPr>
        </p:nvSpPr>
        <p:spPr>
          <a:xfrm>
            <a:off x="6487200" y="1944000"/>
            <a:ext cx="4795200" cy="336232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33" name="Text Placeholder note">
            <a:extLst>
              <a:ext uri="{FF2B5EF4-FFF2-40B4-BE49-F238E27FC236}">
                <a16:creationId xmlns:a16="http://schemas.microsoft.com/office/drawing/2014/main" id="{8C8CC7A7-A66D-1EE2-7234-8ED16715918F}"/>
              </a:ext>
            </a:extLst>
          </p:cNvPr>
          <p:cNvSpPr>
            <a:spLocks noGrp="1"/>
          </p:cNvSpPr>
          <p:nvPr>
            <p:ph type="body" sz="quarter" idx="17" hasCustomPrompt="1"/>
          </p:nvPr>
        </p:nvSpPr>
        <p:spPr>
          <a:xfrm>
            <a:off x="6487200" y="5431476"/>
            <a:ext cx="47952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34" name="Text Placeholder note">
            <a:extLst>
              <a:ext uri="{FF2B5EF4-FFF2-40B4-BE49-F238E27FC236}">
                <a16:creationId xmlns:a16="http://schemas.microsoft.com/office/drawing/2014/main" id="{1E1099D8-5E8B-6339-3913-E119E65708AC}"/>
              </a:ext>
            </a:extLst>
          </p:cNvPr>
          <p:cNvSpPr>
            <a:spLocks noGrp="1"/>
          </p:cNvSpPr>
          <p:nvPr>
            <p:ph type="body" sz="quarter" idx="18" hasCustomPrompt="1"/>
          </p:nvPr>
        </p:nvSpPr>
        <p:spPr>
          <a:xfrm>
            <a:off x="648000" y="5431476"/>
            <a:ext cx="5061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6" name="Pladsholder til dato 5" hidden="1">
            <a:extLst>
              <a:ext uri="{FF2B5EF4-FFF2-40B4-BE49-F238E27FC236}">
                <a16:creationId xmlns:a16="http://schemas.microsoft.com/office/drawing/2014/main" id="{F9832486-0750-ED6B-7D23-7F2DCDCC4E4A}"/>
              </a:ext>
            </a:extLst>
          </p:cNvPr>
          <p:cNvSpPr>
            <a:spLocks noGrp="1"/>
          </p:cNvSpPr>
          <p:nvPr>
            <p:ph type="dt" sz="half" idx="19"/>
          </p:nvPr>
        </p:nvSpPr>
        <p:spPr/>
        <p:txBody>
          <a:bodyPr/>
          <a:lstStyle/>
          <a:p>
            <a:fld id="{5EDD3936-4D5A-4791-A55B-9B75553730C6}" type="datetime2">
              <a:rPr lang="da-DK" smtClean="0"/>
              <a:t>30. maj 2025</a:t>
            </a:fld>
            <a:endParaRPr lang="da-DK" dirty="0"/>
          </a:p>
        </p:txBody>
      </p:sp>
      <p:sp>
        <p:nvSpPr>
          <p:cNvPr id="7" name="Pladsholder til sidefod 6" hidden="1">
            <a:extLst>
              <a:ext uri="{FF2B5EF4-FFF2-40B4-BE49-F238E27FC236}">
                <a16:creationId xmlns:a16="http://schemas.microsoft.com/office/drawing/2014/main" id="{019C52ED-2B7A-2FC8-C23F-14E5F0AC531D}"/>
              </a:ext>
            </a:extLst>
          </p:cNvPr>
          <p:cNvSpPr>
            <a:spLocks noGrp="1"/>
          </p:cNvSpPr>
          <p:nvPr>
            <p:ph type="ftr" sz="quarter" idx="20"/>
          </p:nvPr>
        </p:nvSpPr>
        <p:spPr/>
        <p:txBody>
          <a:bodyPr/>
          <a:lstStyle/>
          <a:p>
            <a:endParaRPr lang="da-DK" dirty="0"/>
          </a:p>
        </p:txBody>
      </p:sp>
      <p:sp>
        <p:nvSpPr>
          <p:cNvPr id="11" name="Pladsholder til slidenummer 10" hidden="1">
            <a:extLst>
              <a:ext uri="{FF2B5EF4-FFF2-40B4-BE49-F238E27FC236}">
                <a16:creationId xmlns:a16="http://schemas.microsoft.com/office/drawing/2014/main" id="{37E232F7-FD9B-7EB7-684A-0990909DB543}"/>
              </a:ext>
            </a:extLst>
          </p:cNvPr>
          <p:cNvSpPr>
            <a:spLocks noGrp="1"/>
          </p:cNvSpPr>
          <p:nvPr>
            <p:ph type="sldNum" sz="quarter" idx="21"/>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4008471830"/>
      </p:ext>
    </p:extLst>
  </p:cSld>
  <p:clrMapOvr>
    <a:masterClrMapping/>
  </p:clrMapOvr>
  <p:extLst>
    <p:ext uri="{DCECCB84-F9BA-43D5-87BE-67443E8EF086}">
      <p15:sldGuideLst xmlns:p15="http://schemas.microsoft.com/office/powerpoint/2012/main"/>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ekst og billede">
    <p:bg>
      <p:bgPr>
        <a:solidFill>
          <a:schemeClr val="bg2"/>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08E7F3D-6988-472F-B578-FE0BAAE4B34C}"/>
              </a:ext>
            </a:extLst>
          </p:cNvPr>
          <p:cNvSpPr>
            <a:spLocks noGrp="1"/>
          </p:cNvSpPr>
          <p:nvPr>
            <p:ph type="dt" sz="half" idx="15"/>
          </p:nvPr>
        </p:nvSpPr>
        <p:spPr>
          <a:xfrm>
            <a:off x="0" y="6858000"/>
            <a:ext cx="0" cy="0"/>
          </a:xfrm>
          <a:prstGeom prst="rect">
            <a:avLst/>
          </a:prstGeom>
        </p:spPr>
        <p:txBody>
          <a:bodyPr/>
          <a:lstStyle>
            <a:lvl1pPr>
              <a:defRPr>
                <a:noFill/>
              </a:defRPr>
            </a:lvl1pPr>
          </a:lstStyle>
          <a:p>
            <a:fld id="{BAF314EE-D22D-4B68-88BC-1C864E6C9CA0}" type="datetime2">
              <a:rPr lang="da-DK" smtClean="0"/>
              <a:pPr/>
              <a:t>30. maj 2025</a:t>
            </a:fld>
            <a:endParaRPr lang="da-DK" dirty="0"/>
          </a:p>
        </p:txBody>
      </p:sp>
      <p:sp>
        <p:nvSpPr>
          <p:cNvPr id="5" name="Footer Placeholder 4" hidden="1">
            <a:extLst>
              <a:ext uri="{FF2B5EF4-FFF2-40B4-BE49-F238E27FC236}">
                <a16:creationId xmlns:a16="http://schemas.microsoft.com/office/drawing/2014/main" id="{DF791A6B-7868-4737-804A-79CD9B5E3561}"/>
              </a:ext>
            </a:extLst>
          </p:cNvPr>
          <p:cNvSpPr>
            <a:spLocks noGrp="1"/>
          </p:cNvSpPr>
          <p:nvPr>
            <p:ph type="ftr" sz="quarter" idx="16"/>
          </p:nvPr>
        </p:nvSpPr>
        <p:spPr>
          <a:xfrm>
            <a:off x="0" y="6858000"/>
            <a:ext cx="0" cy="0"/>
          </a:xfrm>
          <a:prstGeom prst="rect">
            <a:avLst/>
          </a:prstGeom>
        </p:spPr>
        <p:txBody>
          <a:bodyPr/>
          <a:lstStyle/>
          <a:p>
            <a:endParaRPr lang="da-DK" dirty="0"/>
          </a:p>
        </p:txBody>
      </p:sp>
      <p:sp>
        <p:nvSpPr>
          <p:cNvPr id="6" name="Slide Number Placeholder 5" hidden="1">
            <a:extLst>
              <a:ext uri="{FF2B5EF4-FFF2-40B4-BE49-F238E27FC236}">
                <a16:creationId xmlns:a16="http://schemas.microsoft.com/office/drawing/2014/main" id="{86E53573-69CA-45BB-8807-CD39F9E1E650}"/>
              </a:ext>
            </a:extLst>
          </p:cNvPr>
          <p:cNvSpPr>
            <a:spLocks noGrp="1"/>
          </p:cNvSpPr>
          <p:nvPr>
            <p:ph type="sldNum" sz="quarter" idx="17"/>
          </p:nvPr>
        </p:nvSpPr>
        <p:spPr>
          <a:xfrm>
            <a:off x="0" y="6858000"/>
            <a:ext cx="0" cy="0"/>
          </a:xfrm>
          <a:prstGeom prst="rect">
            <a:avLst/>
          </a:prstGeom>
        </p:spPr>
        <p:txBody>
          <a:bodyPr/>
          <a:lstStyle/>
          <a:p>
            <a:fld id="{24C8C45C-947F-4981-8B3F-4F32E973C901}" type="slidenum">
              <a:rPr lang="da-DK" smtClean="0"/>
              <a:pPr/>
              <a:t>‹#›</a:t>
            </a:fld>
            <a:endParaRPr lang="da-DK" dirty="0"/>
          </a:p>
        </p:txBody>
      </p:sp>
      <p:sp>
        <p:nvSpPr>
          <p:cNvPr id="25" name="billedepladsholder">
            <a:extLst>
              <a:ext uri="{FF2B5EF4-FFF2-40B4-BE49-F238E27FC236}">
                <a16:creationId xmlns:a16="http://schemas.microsoft.com/office/drawing/2014/main" id="{7CA19038-2793-B869-1B2D-AF849E91B08B}"/>
              </a:ext>
            </a:extLst>
          </p:cNvPr>
          <p:cNvSpPr>
            <a:spLocks noGrp="1"/>
          </p:cNvSpPr>
          <p:nvPr>
            <p:ph type="pic" sz="quarter" idx="14" hasCustomPrompt="1"/>
          </p:nvPr>
        </p:nvSpPr>
        <p:spPr>
          <a:xfrm>
            <a:off x="6224588" y="0"/>
            <a:ext cx="5967412" cy="6858000"/>
          </a:xfrm>
          <a:custGeom>
            <a:avLst/>
            <a:gdLst>
              <a:gd name="connsiteX0" fmla="*/ 536769 w 5967412"/>
              <a:gd name="connsiteY0" fmla="*/ 0 h 6858000"/>
              <a:gd name="connsiteX1" fmla="*/ 4630225 w 5967412"/>
              <a:gd name="connsiteY1" fmla="*/ 0 h 6858000"/>
              <a:gd name="connsiteX2" fmla="*/ 5430643 w 5967412"/>
              <a:gd name="connsiteY2" fmla="*/ 0 h 6858000"/>
              <a:gd name="connsiteX3" fmla="*/ 5967412 w 5967412"/>
              <a:gd name="connsiteY3" fmla="*/ 0 h 6858000"/>
              <a:gd name="connsiteX4" fmla="*/ 5967412 w 5967412"/>
              <a:gd name="connsiteY4" fmla="*/ 536769 h 6858000"/>
              <a:gd name="connsiteX5" fmla="*/ 5967412 w 5967412"/>
              <a:gd name="connsiteY5" fmla="*/ 1543665 h 6858000"/>
              <a:gd name="connsiteX6" fmla="*/ 5967412 w 5967412"/>
              <a:gd name="connsiteY6" fmla="*/ 5314335 h 6858000"/>
              <a:gd name="connsiteX7" fmla="*/ 5967412 w 5967412"/>
              <a:gd name="connsiteY7" fmla="*/ 6321231 h 6858000"/>
              <a:gd name="connsiteX8" fmla="*/ 5967412 w 5967412"/>
              <a:gd name="connsiteY8" fmla="*/ 6858000 h 6858000"/>
              <a:gd name="connsiteX9" fmla="*/ 5430643 w 5967412"/>
              <a:gd name="connsiteY9" fmla="*/ 6858000 h 6858000"/>
              <a:gd name="connsiteX10" fmla="*/ 4630225 w 5967412"/>
              <a:gd name="connsiteY10" fmla="*/ 6858000 h 6858000"/>
              <a:gd name="connsiteX11" fmla="*/ 1337187 w 5967412"/>
              <a:gd name="connsiteY11" fmla="*/ 6858000 h 6858000"/>
              <a:gd name="connsiteX12" fmla="*/ 536769 w 5967412"/>
              <a:gd name="connsiteY12" fmla="*/ 6858000 h 6858000"/>
              <a:gd name="connsiteX13" fmla="*/ 0 w 5967412"/>
              <a:gd name="connsiteY13" fmla="*/ 6858000 h 6858000"/>
              <a:gd name="connsiteX14" fmla="*/ 0 w 5967412"/>
              <a:gd name="connsiteY14" fmla="*/ 6321231 h 6858000"/>
              <a:gd name="connsiteX15" fmla="*/ 0 w 5967412"/>
              <a:gd name="connsiteY15" fmla="*/ 5314335 h 6858000"/>
              <a:gd name="connsiteX16" fmla="*/ 0 w 5967412"/>
              <a:gd name="connsiteY16" fmla="*/ 536769 h 6858000"/>
              <a:gd name="connsiteX17" fmla="*/ 536769 w 5967412"/>
              <a:gd name="connsiteY17"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5967412" h="6858000">
                <a:moveTo>
                  <a:pt x="536769" y="0"/>
                </a:moveTo>
                <a:lnTo>
                  <a:pt x="4630225" y="0"/>
                </a:lnTo>
                <a:lnTo>
                  <a:pt x="5430643" y="0"/>
                </a:lnTo>
                <a:lnTo>
                  <a:pt x="5967412" y="0"/>
                </a:lnTo>
                <a:lnTo>
                  <a:pt x="5967412" y="536769"/>
                </a:lnTo>
                <a:lnTo>
                  <a:pt x="5967412" y="1543665"/>
                </a:lnTo>
                <a:lnTo>
                  <a:pt x="5967412" y="5314335"/>
                </a:lnTo>
                <a:lnTo>
                  <a:pt x="5967412" y="6321231"/>
                </a:lnTo>
                <a:lnTo>
                  <a:pt x="5967412" y="6858000"/>
                </a:lnTo>
                <a:lnTo>
                  <a:pt x="5430643" y="6858000"/>
                </a:lnTo>
                <a:lnTo>
                  <a:pt x="4630225" y="6858000"/>
                </a:lnTo>
                <a:lnTo>
                  <a:pt x="1337187" y="6858000"/>
                </a:lnTo>
                <a:lnTo>
                  <a:pt x="536769" y="6858000"/>
                </a:lnTo>
                <a:lnTo>
                  <a:pt x="0" y="6858000"/>
                </a:lnTo>
                <a:lnTo>
                  <a:pt x="0" y="6321231"/>
                </a:lnTo>
                <a:lnTo>
                  <a:pt x="0" y="5314335"/>
                </a:lnTo>
                <a:lnTo>
                  <a:pt x="0" y="536769"/>
                </a:lnTo>
                <a:cubicBezTo>
                  <a:pt x="0" y="240320"/>
                  <a:pt x="240320" y="0"/>
                  <a:pt x="536769"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8000" y="648000"/>
            <a:ext cx="5317825" cy="532800"/>
          </a:xfrm>
        </p:spPr>
        <p:txBody>
          <a:bodyPr/>
          <a:lstStyle>
            <a:lvl1pPr>
              <a:defRPr/>
            </a:lvl1pPr>
          </a:lstStyle>
          <a:p>
            <a:r>
              <a:rPr lang="da-DK" dirty="0"/>
              <a:t>Klik og indsæt overskrift</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8000" y="1184400"/>
            <a:ext cx="5317825"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11" name="Content Placeholder 2">
            <a:extLst>
              <a:ext uri="{FF2B5EF4-FFF2-40B4-BE49-F238E27FC236}">
                <a16:creationId xmlns:a16="http://schemas.microsoft.com/office/drawing/2014/main" id="{03B4B108-24DD-CD8F-F1E3-5DD98AA90CC7}"/>
              </a:ext>
            </a:extLst>
          </p:cNvPr>
          <p:cNvSpPr>
            <a:spLocks noGrp="1"/>
          </p:cNvSpPr>
          <p:nvPr>
            <p:ph idx="1" hasCustomPrompt="1"/>
          </p:nvPr>
        </p:nvSpPr>
        <p:spPr>
          <a:xfrm>
            <a:off x="648000" y="1944000"/>
            <a:ext cx="5317825" cy="40068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Tree>
    <p:extLst>
      <p:ext uri="{BB962C8B-B14F-4D97-AF65-F5344CB8AC3E}">
        <p14:creationId xmlns:p14="http://schemas.microsoft.com/office/powerpoint/2010/main" val="1997695520"/>
      </p:ext>
    </p:extLst>
  </p:cSld>
  <p:clrMapOvr>
    <a:masterClrMapping/>
  </p:clrMapOvr>
  <p:hf sldNum="0" hdr="0" ftr="0" dt="0"/>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Billede og tekst">
    <p:bg>
      <p:bgPr>
        <a:solidFill>
          <a:schemeClr val="bg2"/>
        </a:solidFill>
        <a:effectLst/>
      </p:bgPr>
    </p:bg>
    <p:spTree>
      <p:nvGrpSpPr>
        <p:cNvPr id="1" name=""/>
        <p:cNvGrpSpPr/>
        <p:nvPr/>
      </p:nvGrpSpPr>
      <p:grpSpPr>
        <a:xfrm>
          <a:off x="0" y="0"/>
          <a:ext cx="0" cy="0"/>
          <a:chOff x="0" y="0"/>
          <a:chExt cx="0" cy="0"/>
        </a:xfrm>
      </p:grpSpPr>
      <p:sp>
        <p:nvSpPr>
          <p:cNvPr id="37" name="Pladsholder til billede 36">
            <a:extLst>
              <a:ext uri="{FF2B5EF4-FFF2-40B4-BE49-F238E27FC236}">
                <a16:creationId xmlns:a16="http://schemas.microsoft.com/office/drawing/2014/main" id="{9C188D91-FF1D-2905-6219-3579B19752D7}"/>
              </a:ext>
            </a:extLst>
          </p:cNvPr>
          <p:cNvSpPr>
            <a:spLocks noGrp="1"/>
          </p:cNvSpPr>
          <p:nvPr>
            <p:ph type="pic" sz="quarter" idx="14" hasCustomPrompt="1"/>
          </p:nvPr>
        </p:nvSpPr>
        <p:spPr>
          <a:xfrm>
            <a:off x="388800" y="1943100"/>
            <a:ext cx="5577025" cy="4006850"/>
          </a:xfrm>
          <a:custGeom>
            <a:avLst/>
            <a:gdLst>
              <a:gd name="connsiteX0" fmla="*/ 539162 w 5577025"/>
              <a:gd name="connsiteY0" fmla="*/ 0 h 4006850"/>
              <a:gd name="connsiteX1" fmla="*/ 4721618 w 5577025"/>
              <a:gd name="connsiteY1" fmla="*/ 0 h 4006850"/>
              <a:gd name="connsiteX2" fmla="*/ 5037863 w 5577025"/>
              <a:gd name="connsiteY2" fmla="*/ 0 h 4006850"/>
              <a:gd name="connsiteX3" fmla="*/ 5577025 w 5577025"/>
              <a:gd name="connsiteY3" fmla="*/ 0 h 4006850"/>
              <a:gd name="connsiteX4" fmla="*/ 5577025 w 5577025"/>
              <a:gd name="connsiteY4" fmla="*/ 539162 h 4006850"/>
              <a:gd name="connsiteX5" fmla="*/ 5577025 w 5577025"/>
              <a:gd name="connsiteY5" fmla="*/ 1042220 h 4006850"/>
              <a:gd name="connsiteX6" fmla="*/ 5577025 w 5577025"/>
              <a:gd name="connsiteY6" fmla="*/ 3467688 h 4006850"/>
              <a:gd name="connsiteX7" fmla="*/ 5037863 w 5577025"/>
              <a:gd name="connsiteY7" fmla="*/ 4006850 h 4006850"/>
              <a:gd name="connsiteX8" fmla="*/ 539162 w 5577025"/>
              <a:gd name="connsiteY8" fmla="*/ 4006850 h 4006850"/>
              <a:gd name="connsiteX9" fmla="*/ 0 w 5577025"/>
              <a:gd name="connsiteY9" fmla="*/ 3467688 h 4006850"/>
              <a:gd name="connsiteX10" fmla="*/ 0 w 5577025"/>
              <a:gd name="connsiteY10" fmla="*/ 539162 h 4006850"/>
              <a:gd name="connsiteX11" fmla="*/ 539162 w 5577025"/>
              <a:gd name="connsiteY11" fmla="*/ 0 h 4006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577025" h="4006850">
                <a:moveTo>
                  <a:pt x="539162" y="0"/>
                </a:moveTo>
                <a:lnTo>
                  <a:pt x="4721618" y="0"/>
                </a:lnTo>
                <a:lnTo>
                  <a:pt x="5037863" y="0"/>
                </a:lnTo>
                <a:lnTo>
                  <a:pt x="5577025" y="0"/>
                </a:lnTo>
                <a:lnTo>
                  <a:pt x="5577025" y="539162"/>
                </a:lnTo>
                <a:lnTo>
                  <a:pt x="5577025" y="1042220"/>
                </a:lnTo>
                <a:lnTo>
                  <a:pt x="5577025" y="3467688"/>
                </a:lnTo>
                <a:cubicBezTo>
                  <a:pt x="5577025" y="3765459"/>
                  <a:pt x="5335634" y="4006850"/>
                  <a:pt x="5037863" y="4006850"/>
                </a:cubicBezTo>
                <a:lnTo>
                  <a:pt x="539162" y="4006850"/>
                </a:lnTo>
                <a:cubicBezTo>
                  <a:pt x="241391" y="4006850"/>
                  <a:pt x="0" y="3765459"/>
                  <a:pt x="0" y="3467688"/>
                </a:cubicBezTo>
                <a:lnTo>
                  <a:pt x="0" y="539162"/>
                </a:lnTo>
                <a:cubicBezTo>
                  <a:pt x="0" y="241391"/>
                  <a:pt x="241391" y="0"/>
                  <a:pt x="539162"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7999" y="648000"/>
            <a:ext cx="10897200" cy="532800"/>
          </a:xfrm>
        </p:spPr>
        <p:txBody>
          <a:bodyPr/>
          <a:lstStyle>
            <a:lvl1pPr>
              <a:defRPr/>
            </a:lvl1pPr>
          </a:lstStyle>
          <a:p>
            <a:r>
              <a:rPr lang="da-DK" dirty="0"/>
              <a:t>Klik for at indsætte overskrift – max. en linje</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7999"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11" name="Content Placeholder 2">
            <a:extLst>
              <a:ext uri="{FF2B5EF4-FFF2-40B4-BE49-F238E27FC236}">
                <a16:creationId xmlns:a16="http://schemas.microsoft.com/office/drawing/2014/main" id="{03B4B108-24DD-CD8F-F1E3-5DD98AA90CC7}"/>
              </a:ext>
            </a:extLst>
          </p:cNvPr>
          <p:cNvSpPr>
            <a:spLocks noGrp="1"/>
          </p:cNvSpPr>
          <p:nvPr>
            <p:ph idx="1" hasCustomPrompt="1"/>
          </p:nvPr>
        </p:nvSpPr>
        <p:spPr>
          <a:xfrm>
            <a:off x="6598800" y="1944000"/>
            <a:ext cx="4273988" cy="4006800"/>
          </a:xfrm>
        </p:spPr>
        <p:txBody>
          <a:bodyPr/>
          <a:lstStyle>
            <a:lvl1pPr>
              <a:defRPr/>
            </a:lvl1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
        <p:nvSpPr>
          <p:cNvPr id="2" name="Pladsholder til dato 1" hidden="1">
            <a:extLst>
              <a:ext uri="{FF2B5EF4-FFF2-40B4-BE49-F238E27FC236}">
                <a16:creationId xmlns:a16="http://schemas.microsoft.com/office/drawing/2014/main" id="{3116D7F8-371E-BAC5-AA3C-30B6C9BEC43D}"/>
              </a:ext>
            </a:extLst>
          </p:cNvPr>
          <p:cNvSpPr>
            <a:spLocks noGrp="1"/>
          </p:cNvSpPr>
          <p:nvPr>
            <p:ph type="dt" sz="half" idx="15"/>
          </p:nvPr>
        </p:nvSpPr>
        <p:spPr/>
        <p:txBody>
          <a:bodyPr/>
          <a:lstStyle/>
          <a:p>
            <a:fld id="{69553A9A-4FDE-4AFF-BBDD-2A95AC629A2C}" type="datetime2">
              <a:rPr lang="da-DK" smtClean="0"/>
              <a:t>30. maj 2025</a:t>
            </a:fld>
            <a:endParaRPr lang="da-DK" dirty="0"/>
          </a:p>
        </p:txBody>
      </p:sp>
      <p:sp>
        <p:nvSpPr>
          <p:cNvPr id="3" name="Pladsholder til sidefod 2" hidden="1">
            <a:extLst>
              <a:ext uri="{FF2B5EF4-FFF2-40B4-BE49-F238E27FC236}">
                <a16:creationId xmlns:a16="http://schemas.microsoft.com/office/drawing/2014/main" id="{AB28B257-41B5-D8E1-F7B3-C4AB20920F46}"/>
              </a:ext>
            </a:extLst>
          </p:cNvPr>
          <p:cNvSpPr>
            <a:spLocks noGrp="1"/>
          </p:cNvSpPr>
          <p:nvPr>
            <p:ph type="ftr" sz="quarter" idx="16"/>
          </p:nvPr>
        </p:nvSpPr>
        <p:spPr/>
        <p:txBody>
          <a:bodyPr/>
          <a:lstStyle/>
          <a:p>
            <a:endParaRPr lang="da-DK" dirty="0"/>
          </a:p>
        </p:txBody>
      </p:sp>
      <p:sp>
        <p:nvSpPr>
          <p:cNvPr id="7" name="Pladsholder til slidenummer 6" hidden="1">
            <a:extLst>
              <a:ext uri="{FF2B5EF4-FFF2-40B4-BE49-F238E27FC236}">
                <a16:creationId xmlns:a16="http://schemas.microsoft.com/office/drawing/2014/main" id="{3DBC7F08-6300-292B-BD7A-762726465430}"/>
              </a:ext>
            </a:extLst>
          </p:cNvPr>
          <p:cNvSpPr>
            <a:spLocks noGrp="1"/>
          </p:cNvSpPr>
          <p:nvPr>
            <p:ph type="sldNum" sz="quarter" idx="17"/>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349176339"/>
      </p:ext>
    </p:extLst>
  </p:cSld>
  <p:clrMapOvr>
    <a:masterClrMapping/>
  </p:clrMapOvr>
  <p:extLst>
    <p:ext uri="{DCECCB84-F9BA-43D5-87BE-67443E8EF086}">
      <p15:sldGuideLst xmlns:p15="http://schemas.microsoft.com/office/powerpoint/2012/main"/>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Citat">
    <p:bg>
      <p:bgPr>
        <a:solidFill>
          <a:schemeClr val="bg2"/>
        </a:solidFill>
        <a:effectLst/>
      </p:bgPr>
    </p:bg>
    <p:spTree>
      <p:nvGrpSpPr>
        <p:cNvPr id="1" name=""/>
        <p:cNvGrpSpPr/>
        <p:nvPr/>
      </p:nvGrpSpPr>
      <p:grpSpPr>
        <a:xfrm>
          <a:off x="0" y="0"/>
          <a:ext cx="0" cy="0"/>
          <a:chOff x="0" y="0"/>
          <a:chExt cx="0" cy="0"/>
        </a:xfrm>
      </p:grpSpPr>
      <p:sp>
        <p:nvSpPr>
          <p:cNvPr id="37" name="Pladsholder til billede 36">
            <a:extLst>
              <a:ext uri="{FF2B5EF4-FFF2-40B4-BE49-F238E27FC236}">
                <a16:creationId xmlns:a16="http://schemas.microsoft.com/office/drawing/2014/main" id="{9C188D91-FF1D-2905-6219-3579B19752D7}"/>
              </a:ext>
            </a:extLst>
          </p:cNvPr>
          <p:cNvSpPr>
            <a:spLocks noGrp="1"/>
          </p:cNvSpPr>
          <p:nvPr>
            <p:ph type="pic" sz="quarter" idx="14" hasCustomPrompt="1"/>
          </p:nvPr>
        </p:nvSpPr>
        <p:spPr>
          <a:xfrm>
            <a:off x="388800" y="1943100"/>
            <a:ext cx="5577025" cy="4006850"/>
          </a:xfrm>
          <a:custGeom>
            <a:avLst/>
            <a:gdLst>
              <a:gd name="connsiteX0" fmla="*/ 539162 w 5577025"/>
              <a:gd name="connsiteY0" fmla="*/ 0 h 4006850"/>
              <a:gd name="connsiteX1" fmla="*/ 4721618 w 5577025"/>
              <a:gd name="connsiteY1" fmla="*/ 0 h 4006850"/>
              <a:gd name="connsiteX2" fmla="*/ 5037863 w 5577025"/>
              <a:gd name="connsiteY2" fmla="*/ 0 h 4006850"/>
              <a:gd name="connsiteX3" fmla="*/ 5577025 w 5577025"/>
              <a:gd name="connsiteY3" fmla="*/ 0 h 4006850"/>
              <a:gd name="connsiteX4" fmla="*/ 5577025 w 5577025"/>
              <a:gd name="connsiteY4" fmla="*/ 539162 h 4006850"/>
              <a:gd name="connsiteX5" fmla="*/ 5577025 w 5577025"/>
              <a:gd name="connsiteY5" fmla="*/ 1042220 h 4006850"/>
              <a:gd name="connsiteX6" fmla="*/ 5577025 w 5577025"/>
              <a:gd name="connsiteY6" fmla="*/ 3467688 h 4006850"/>
              <a:gd name="connsiteX7" fmla="*/ 5037863 w 5577025"/>
              <a:gd name="connsiteY7" fmla="*/ 4006850 h 4006850"/>
              <a:gd name="connsiteX8" fmla="*/ 539162 w 5577025"/>
              <a:gd name="connsiteY8" fmla="*/ 4006850 h 4006850"/>
              <a:gd name="connsiteX9" fmla="*/ 0 w 5577025"/>
              <a:gd name="connsiteY9" fmla="*/ 3467688 h 4006850"/>
              <a:gd name="connsiteX10" fmla="*/ 0 w 5577025"/>
              <a:gd name="connsiteY10" fmla="*/ 539162 h 4006850"/>
              <a:gd name="connsiteX11" fmla="*/ 539162 w 5577025"/>
              <a:gd name="connsiteY11" fmla="*/ 0 h 4006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577025" h="4006850">
                <a:moveTo>
                  <a:pt x="539162" y="0"/>
                </a:moveTo>
                <a:lnTo>
                  <a:pt x="4721618" y="0"/>
                </a:lnTo>
                <a:lnTo>
                  <a:pt x="5037863" y="0"/>
                </a:lnTo>
                <a:lnTo>
                  <a:pt x="5577025" y="0"/>
                </a:lnTo>
                <a:lnTo>
                  <a:pt x="5577025" y="539162"/>
                </a:lnTo>
                <a:lnTo>
                  <a:pt x="5577025" y="1042220"/>
                </a:lnTo>
                <a:lnTo>
                  <a:pt x="5577025" y="3467688"/>
                </a:lnTo>
                <a:cubicBezTo>
                  <a:pt x="5577025" y="3765459"/>
                  <a:pt x="5335634" y="4006850"/>
                  <a:pt x="5037863" y="4006850"/>
                </a:cubicBezTo>
                <a:lnTo>
                  <a:pt x="539162" y="4006850"/>
                </a:lnTo>
                <a:cubicBezTo>
                  <a:pt x="241391" y="4006850"/>
                  <a:pt x="0" y="3765459"/>
                  <a:pt x="0" y="3467688"/>
                </a:cubicBezTo>
                <a:lnTo>
                  <a:pt x="0" y="539162"/>
                </a:lnTo>
                <a:cubicBezTo>
                  <a:pt x="0" y="241391"/>
                  <a:pt x="241391" y="0"/>
                  <a:pt x="539162"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7999" y="648000"/>
            <a:ext cx="10897200" cy="532800"/>
          </a:xfrm>
        </p:spPr>
        <p:txBody>
          <a:bodyPr/>
          <a:lstStyle>
            <a:lvl1pPr>
              <a:defRPr/>
            </a:lvl1pPr>
          </a:lstStyle>
          <a:p>
            <a:r>
              <a:rPr lang="da-DK" dirty="0"/>
              <a:t>Klik for at indsætte overskrift – max. en linje</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7999"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Pladsholder til tekst 2">
            <a:extLst>
              <a:ext uri="{FF2B5EF4-FFF2-40B4-BE49-F238E27FC236}">
                <a16:creationId xmlns:a16="http://schemas.microsoft.com/office/drawing/2014/main" id="{4E8C1449-912A-DDBD-F3F4-19A43447E259}"/>
              </a:ext>
            </a:extLst>
          </p:cNvPr>
          <p:cNvSpPr>
            <a:spLocks noGrp="1"/>
          </p:cNvSpPr>
          <p:nvPr>
            <p:ph type="body" sz="quarter" idx="18" hasCustomPrompt="1"/>
          </p:nvPr>
        </p:nvSpPr>
        <p:spPr>
          <a:xfrm>
            <a:off x="6616700" y="1943100"/>
            <a:ext cx="4256088" cy="4006850"/>
          </a:xfrm>
        </p:spPr>
        <p:txBody>
          <a:bodyPr/>
          <a:lstStyle>
            <a:lvl1pPr marL="0" indent="72000">
              <a:buFont typeface="DI Sans Office" panose="00000500000000000000" charset="0"/>
              <a:buChar char="“"/>
              <a:defRPr/>
            </a:lvl1pPr>
            <a:lvl2pPr marL="0" indent="0">
              <a:spcBef>
                <a:spcPts val="1200"/>
              </a:spcBef>
              <a:spcAft>
                <a:spcPts val="0"/>
              </a:spcAft>
              <a:buFont typeface="Arial" panose="020B0604020202020204" pitchFamily="34" charset="0"/>
              <a:buChar char="​"/>
              <a:defRPr b="1"/>
            </a:lvl2pPr>
            <a:lvl3pPr marL="0" indent="0">
              <a:spcAft>
                <a:spcPts val="600"/>
              </a:spcAft>
              <a:buFont typeface="Arial" panose="020B0604020202020204" pitchFamily="34" charset="0"/>
              <a:buChar char="​"/>
              <a:defRPr b="0"/>
            </a:lvl3pPr>
            <a:lvl4pPr>
              <a:spcAft>
                <a:spcPts val="600"/>
              </a:spcAft>
              <a:defRPr b="0"/>
            </a:lvl4pPr>
            <a:lvl5pPr>
              <a:spcAft>
                <a:spcPts val="600"/>
              </a:spcAft>
              <a:defRPr b="0"/>
            </a:lvl5pPr>
            <a:lvl6pPr marL="0" indent="0">
              <a:lnSpc>
                <a:spcPct val="93000"/>
              </a:lnSpc>
              <a:spcAft>
                <a:spcPts val="600"/>
              </a:spcAft>
              <a:buFont typeface="Arial" panose="020B0604020202020204" pitchFamily="34" charset="0"/>
              <a:buNone/>
              <a:defRPr sz="2000" b="0"/>
            </a:lvl6pPr>
            <a:lvl7pPr marL="0" indent="0">
              <a:lnSpc>
                <a:spcPct val="93000"/>
              </a:lnSpc>
              <a:spcAft>
                <a:spcPts val="600"/>
              </a:spcAft>
              <a:buFont typeface="Arial" panose="020B0604020202020204" pitchFamily="34" charset="0"/>
              <a:buChar char="​"/>
              <a:defRPr sz="2000" b="0"/>
            </a:lvl7pPr>
            <a:lvl8pPr marL="0" indent="0">
              <a:lnSpc>
                <a:spcPct val="93000"/>
              </a:lnSpc>
              <a:spcAft>
                <a:spcPts val="600"/>
              </a:spcAft>
              <a:buFont typeface="Arial" panose="020B0604020202020204" pitchFamily="34" charset="0"/>
              <a:buChar char="​"/>
              <a:defRPr sz="2000" b="0"/>
            </a:lvl8pPr>
            <a:lvl9pPr marL="0" indent="0">
              <a:lnSpc>
                <a:spcPct val="93000"/>
              </a:lnSpc>
              <a:spcAft>
                <a:spcPts val="600"/>
              </a:spcAft>
              <a:buFont typeface="Arial" panose="020B0604020202020204" pitchFamily="34" charset="0"/>
              <a:buChar char="​"/>
              <a:defRPr sz="2000" b="0"/>
            </a:lvl9pPr>
          </a:lstStyle>
          <a:p>
            <a:pPr lvl="0"/>
            <a:r>
              <a:rPr lang="da-DK" dirty="0"/>
              <a:t>Klik for at indsætte citat tekst evt. fremhæv med fed.                                    Klik ENTER derefter TAB for at indsætte: Navn og efternavn                                     Klik ENTER derefter TAB for at indsætte: Titel, virksomhed i korrekt tekst style</a:t>
            </a:r>
          </a:p>
          <a:p>
            <a:pPr lvl="1"/>
            <a:r>
              <a:rPr lang="da-DK" dirty="0"/>
              <a:t>Andet niveau</a:t>
            </a:r>
          </a:p>
          <a:p>
            <a:pPr lvl="2"/>
            <a:r>
              <a:rPr lang="da-DK" dirty="0"/>
              <a:t>Tredje niveau</a:t>
            </a:r>
          </a:p>
          <a:p>
            <a:pPr lvl="3"/>
            <a:r>
              <a:rPr lang="da-DK" dirty="0"/>
              <a:t>Fjerde niveau</a:t>
            </a:r>
          </a:p>
          <a:p>
            <a:pPr lvl="4"/>
            <a:r>
              <a:rPr lang="da-DK" dirty="0"/>
              <a:t>Femte niveau</a:t>
            </a:r>
          </a:p>
          <a:p>
            <a:pPr lvl="5"/>
            <a:endParaRPr lang="da-DK" dirty="0"/>
          </a:p>
        </p:txBody>
      </p:sp>
      <p:sp>
        <p:nvSpPr>
          <p:cNvPr id="13" name="Kombinationstegning: figur 12">
            <a:extLst>
              <a:ext uri="{FF2B5EF4-FFF2-40B4-BE49-F238E27FC236}">
                <a16:creationId xmlns:a16="http://schemas.microsoft.com/office/drawing/2014/main" id="{A8EEF8A6-EC59-B3AF-D544-0215FD9BB2F1}"/>
              </a:ext>
            </a:extLst>
          </p:cNvPr>
          <p:cNvSpPr/>
          <p:nvPr userDrawn="1"/>
        </p:nvSpPr>
        <p:spPr>
          <a:xfrm>
            <a:off x="11028218" y="1575666"/>
            <a:ext cx="514495" cy="507039"/>
          </a:xfrm>
          <a:custGeom>
            <a:avLst/>
            <a:gdLst>
              <a:gd name="connsiteX0" fmla="*/ 179948 w 514495"/>
              <a:gd name="connsiteY0" fmla="*/ 0 h 507039"/>
              <a:gd name="connsiteX1" fmla="*/ 334547 w 514495"/>
              <a:gd name="connsiteY1" fmla="*/ 0 h 507039"/>
              <a:gd name="connsiteX2" fmla="*/ 514495 w 514495"/>
              <a:gd name="connsiteY2" fmla="*/ 179948 h 507039"/>
              <a:gd name="connsiteX3" fmla="*/ 514495 w 514495"/>
              <a:gd name="connsiteY3" fmla="*/ 327091 h 507039"/>
              <a:gd name="connsiteX4" fmla="*/ 334547 w 514495"/>
              <a:gd name="connsiteY4" fmla="*/ 507039 h 507039"/>
              <a:gd name="connsiteX5" fmla="*/ 180110 w 514495"/>
              <a:gd name="connsiteY5" fmla="*/ 507039 h 507039"/>
              <a:gd name="connsiteX6" fmla="*/ 179948 w 514495"/>
              <a:gd name="connsiteY6" fmla="*/ 507039 h 507039"/>
              <a:gd name="connsiteX7" fmla="*/ 0 w 514495"/>
              <a:gd name="connsiteY7" fmla="*/ 507039 h 507039"/>
              <a:gd name="connsiteX8" fmla="*/ 0 w 514495"/>
              <a:gd name="connsiteY8" fmla="*/ 327091 h 507039"/>
              <a:gd name="connsiteX9" fmla="*/ 0 w 514495"/>
              <a:gd name="connsiteY9" fmla="*/ 286906 h 507039"/>
              <a:gd name="connsiteX10" fmla="*/ 0 w 514495"/>
              <a:gd name="connsiteY10" fmla="*/ 179948 h 507039"/>
              <a:gd name="connsiteX11" fmla="*/ 179948 w 514495"/>
              <a:gd name="connsiteY11" fmla="*/ 0 h 507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495" h="507039">
                <a:moveTo>
                  <a:pt x="179948" y="0"/>
                </a:moveTo>
                <a:lnTo>
                  <a:pt x="334547" y="0"/>
                </a:lnTo>
                <a:cubicBezTo>
                  <a:pt x="433930" y="0"/>
                  <a:pt x="514495" y="80565"/>
                  <a:pt x="514495" y="179948"/>
                </a:cubicBezTo>
                <a:lnTo>
                  <a:pt x="514495" y="327091"/>
                </a:lnTo>
                <a:cubicBezTo>
                  <a:pt x="514495" y="426474"/>
                  <a:pt x="433930" y="507039"/>
                  <a:pt x="334547" y="507039"/>
                </a:cubicBezTo>
                <a:lnTo>
                  <a:pt x="180110" y="507039"/>
                </a:lnTo>
                <a:lnTo>
                  <a:pt x="179948" y="507039"/>
                </a:lnTo>
                <a:lnTo>
                  <a:pt x="0" y="507039"/>
                </a:lnTo>
                <a:lnTo>
                  <a:pt x="0" y="327091"/>
                </a:lnTo>
                <a:lnTo>
                  <a:pt x="0" y="286906"/>
                </a:lnTo>
                <a:lnTo>
                  <a:pt x="0" y="179948"/>
                </a:lnTo>
                <a:cubicBezTo>
                  <a:pt x="0" y="80565"/>
                  <a:pt x="80565" y="0"/>
                  <a:pt x="179948" y="0"/>
                </a:cubicBez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Pladsholder til dato 1" hidden="1">
            <a:extLst>
              <a:ext uri="{FF2B5EF4-FFF2-40B4-BE49-F238E27FC236}">
                <a16:creationId xmlns:a16="http://schemas.microsoft.com/office/drawing/2014/main" id="{BFDC3D11-79CB-0C48-FE68-624B121AA41D}"/>
              </a:ext>
            </a:extLst>
          </p:cNvPr>
          <p:cNvSpPr>
            <a:spLocks noGrp="1"/>
          </p:cNvSpPr>
          <p:nvPr>
            <p:ph type="dt" sz="half" idx="19"/>
          </p:nvPr>
        </p:nvSpPr>
        <p:spPr/>
        <p:txBody>
          <a:bodyPr/>
          <a:lstStyle/>
          <a:p>
            <a:fld id="{81ABCEC2-7CAF-45A6-BE9A-22E11AB63D46}" type="datetime2">
              <a:rPr lang="da-DK" smtClean="0"/>
              <a:t>30. maj 2025</a:t>
            </a:fld>
            <a:endParaRPr lang="da-DK" dirty="0"/>
          </a:p>
        </p:txBody>
      </p:sp>
      <p:sp>
        <p:nvSpPr>
          <p:cNvPr id="7" name="Pladsholder til sidefod 6" hidden="1">
            <a:extLst>
              <a:ext uri="{FF2B5EF4-FFF2-40B4-BE49-F238E27FC236}">
                <a16:creationId xmlns:a16="http://schemas.microsoft.com/office/drawing/2014/main" id="{575B18B2-C530-84AC-1432-9272BE2CFD10}"/>
              </a:ext>
            </a:extLst>
          </p:cNvPr>
          <p:cNvSpPr>
            <a:spLocks noGrp="1"/>
          </p:cNvSpPr>
          <p:nvPr>
            <p:ph type="ftr" sz="quarter" idx="20"/>
          </p:nvPr>
        </p:nvSpPr>
        <p:spPr/>
        <p:txBody>
          <a:bodyPr/>
          <a:lstStyle/>
          <a:p>
            <a:endParaRPr lang="da-DK" dirty="0"/>
          </a:p>
        </p:txBody>
      </p:sp>
      <p:sp>
        <p:nvSpPr>
          <p:cNvPr id="8" name="Pladsholder til slidenummer 7" hidden="1">
            <a:extLst>
              <a:ext uri="{FF2B5EF4-FFF2-40B4-BE49-F238E27FC236}">
                <a16:creationId xmlns:a16="http://schemas.microsoft.com/office/drawing/2014/main" id="{B53BB447-77CB-50C1-6F19-B59DC751EA9C}"/>
              </a:ext>
            </a:extLst>
          </p:cNvPr>
          <p:cNvSpPr>
            <a:spLocks noGrp="1"/>
          </p:cNvSpPr>
          <p:nvPr>
            <p:ph type="sldNum" sz="quarter" idx="21"/>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99405775"/>
      </p:ext>
    </p:extLst>
  </p:cSld>
  <p:clrMapOvr>
    <a:masterClrMapping/>
  </p:clrMapOvr>
  <p:extLst>
    <p:ext uri="{DCECCB84-F9BA-43D5-87BE-67443E8EF086}">
      <p15:sldGuideLst xmlns:p15="http://schemas.microsoft.com/office/powerpoint/2012/main"/>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Rapport fem indhold">
    <p:bg>
      <p:bgPr>
        <a:solidFill>
          <a:schemeClr val="bg1"/>
        </a:solidFill>
        <a:effectLst/>
      </p:bgPr>
    </p:bg>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5F8B4114-3ED6-4DA2-8C83-C6DE1E45CC54}"/>
              </a:ext>
            </a:extLst>
          </p:cNvPr>
          <p:cNvSpPr>
            <a:spLocks noGrp="1"/>
          </p:cNvSpPr>
          <p:nvPr>
            <p:ph type="title" hasCustomPrompt="1"/>
          </p:nvPr>
        </p:nvSpPr>
        <p:spPr>
          <a:xfrm>
            <a:off x="648000" y="648000"/>
            <a:ext cx="3456000" cy="2518110"/>
          </a:xfrm>
        </p:spPr>
        <p:txBody>
          <a:bodyPr/>
          <a:lstStyle>
            <a:lvl1pPr>
              <a:defRPr sz="2400"/>
            </a:lvl1pPr>
          </a:lstStyle>
          <a:p>
            <a:r>
              <a:rPr lang="da-DK" dirty="0"/>
              <a:t>Klik for at indsætte overskrift</a:t>
            </a:r>
          </a:p>
        </p:txBody>
      </p:sp>
      <p:sp>
        <p:nvSpPr>
          <p:cNvPr id="3" name="Content Placeholder 2"/>
          <p:cNvSpPr>
            <a:spLocks noGrp="1"/>
          </p:cNvSpPr>
          <p:nvPr>
            <p:ph idx="1" hasCustomPrompt="1"/>
          </p:nvPr>
        </p:nvSpPr>
        <p:spPr>
          <a:xfrm>
            <a:off x="648000"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a:p>
            <a:pPr lvl="2"/>
            <a:r>
              <a:rPr lang="da-DK" noProof="0" dirty="0"/>
              <a:t>Tredje Niveau</a:t>
            </a:r>
          </a:p>
          <a:p>
            <a:pPr lvl="3"/>
            <a:endParaRPr lang="da-DK" noProof="0"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66800" y="648000"/>
            <a:ext cx="3456000" cy="2520000"/>
          </a:xfrm>
        </p:spPr>
        <p:txBody>
          <a:bodyPr/>
          <a:lstStyle>
            <a:lvl1pPr>
              <a:defRPr sz="1600"/>
            </a:lvl1pPr>
            <a:lvl2pPr>
              <a:defRPr sz="1400"/>
            </a:lvl2pPr>
            <a:lvl3pPr>
              <a:defRPr sz="1200"/>
            </a:lvl3pPr>
            <a:lvl4pPr>
              <a:buNone/>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a:p>
            <a:pPr lvl="2"/>
            <a:r>
              <a:rPr lang="da-DK" noProof="0" dirty="0"/>
              <a:t>Tredje Niveau</a:t>
            </a:r>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4366800"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a:p>
            <a:pPr lvl="2"/>
            <a:r>
              <a:rPr lang="da-DK" noProof="0" dirty="0"/>
              <a:t>Tredje Niveau</a:t>
            </a:r>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8086713"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a:p>
            <a:pPr lvl="2"/>
            <a:r>
              <a:rPr lang="da-DK" noProof="0" dirty="0"/>
              <a:t>Tredje Niveau</a:t>
            </a:r>
          </a:p>
        </p:txBody>
      </p:sp>
      <p:sp>
        <p:nvSpPr>
          <p:cNvPr id="12" name="Content Placeholder 12">
            <a:extLst>
              <a:ext uri="{FF2B5EF4-FFF2-40B4-BE49-F238E27FC236}">
                <a16:creationId xmlns:a16="http://schemas.microsoft.com/office/drawing/2014/main" id="{1AF3818B-4AF4-2388-5354-2C14A825A1FB}"/>
              </a:ext>
            </a:extLst>
          </p:cNvPr>
          <p:cNvSpPr>
            <a:spLocks noGrp="1"/>
          </p:cNvSpPr>
          <p:nvPr>
            <p:ph sz="quarter" idx="18" hasCustomPrompt="1"/>
          </p:nvPr>
        </p:nvSpPr>
        <p:spPr>
          <a:xfrm>
            <a:off x="8086713" y="648000"/>
            <a:ext cx="3456000" cy="2520000"/>
          </a:xfrm>
        </p:spPr>
        <p:txBody>
          <a:bodyPr/>
          <a:lstStyle>
            <a:lvl1pPr marL="0" indent="0">
              <a:lnSpc>
                <a:spcPct val="87000"/>
              </a:lnSpc>
              <a:spcBef>
                <a:spcPts val="1200"/>
              </a:spcBef>
              <a:spcAft>
                <a:spcPts val="0"/>
              </a:spcAft>
              <a:buNone/>
              <a:defRPr sz="6000" b="0">
                <a:latin typeface="DI Numbers Office" pitchFamily="2" charset="0"/>
              </a:defRPr>
            </a:lvl1pPr>
            <a:lvl2pPr marL="0" indent="0">
              <a:lnSpc>
                <a:spcPct val="87000"/>
              </a:lnSpc>
              <a:spcBef>
                <a:spcPts val="1200"/>
              </a:spcBef>
              <a:spcAft>
                <a:spcPts val="0"/>
              </a:spcAft>
              <a:buNone/>
              <a:defRPr sz="6000" b="0">
                <a:latin typeface="DI Numbers Office" pitchFamily="2" charset="0"/>
              </a:defRPr>
            </a:lvl2pPr>
            <a:lvl3pPr marL="0" indent="0">
              <a:lnSpc>
                <a:spcPct val="87000"/>
              </a:lnSpc>
              <a:spcBef>
                <a:spcPts val="1200"/>
              </a:spcBef>
              <a:spcAft>
                <a:spcPts val="0"/>
              </a:spcAft>
              <a:buNone/>
              <a:defRPr sz="6000" b="0">
                <a:latin typeface="DI Numbers Office" pitchFamily="2" charset="0"/>
              </a:defRPr>
            </a:lvl3pPr>
            <a:lvl4pPr marL="0">
              <a:lnSpc>
                <a:spcPct val="87000"/>
              </a:lnSpc>
              <a:spcBef>
                <a:spcPts val="1200"/>
              </a:spcBef>
              <a:spcAft>
                <a:spcPts val="0"/>
              </a:spcAft>
              <a:buNone/>
              <a:defRPr sz="6000" b="0">
                <a:latin typeface="DI Numbers Office" pitchFamily="2" charset="0"/>
              </a:defRPr>
            </a:lvl4pPr>
            <a:lvl5pPr marL="0">
              <a:lnSpc>
                <a:spcPct val="87000"/>
              </a:lnSpc>
              <a:spcBef>
                <a:spcPts val="1200"/>
              </a:spcBef>
              <a:spcAft>
                <a:spcPts val="0"/>
              </a:spcAft>
              <a:buNone/>
              <a:defRPr sz="6000" b="0">
                <a:latin typeface="DI Numbers Office" pitchFamily="2" charset="0"/>
              </a:defRPr>
            </a:lvl5pPr>
            <a:lvl6pPr marL="0" indent="0">
              <a:lnSpc>
                <a:spcPct val="87000"/>
              </a:lnSpc>
              <a:spcBef>
                <a:spcPts val="1200"/>
              </a:spcBef>
              <a:spcAft>
                <a:spcPts val="0"/>
              </a:spcAft>
              <a:buNone/>
              <a:defRPr sz="6000" b="0">
                <a:latin typeface="DI Numbers Office" pitchFamily="2" charset="0"/>
              </a:defRPr>
            </a:lvl6pPr>
            <a:lvl7pPr marL="0">
              <a:lnSpc>
                <a:spcPct val="87000"/>
              </a:lnSpc>
              <a:spcBef>
                <a:spcPts val="1200"/>
              </a:spcBef>
              <a:spcAft>
                <a:spcPts val="0"/>
              </a:spcAft>
              <a:buNone/>
              <a:defRPr sz="6000" b="0">
                <a:latin typeface="DI Numbers Office" pitchFamily="2" charset="0"/>
              </a:defRPr>
            </a:lvl7pPr>
            <a:lvl8pPr marL="0">
              <a:lnSpc>
                <a:spcPct val="87000"/>
              </a:lnSpc>
              <a:spcBef>
                <a:spcPts val="1200"/>
              </a:spcBef>
              <a:spcAft>
                <a:spcPts val="0"/>
              </a:spcAft>
              <a:buNone/>
              <a:defRPr sz="6000" b="0">
                <a:latin typeface="DI Numbers Office" pitchFamily="2" charset="0"/>
              </a:defRPr>
            </a:lvl8pPr>
            <a:lvl9pPr marL="0">
              <a:lnSpc>
                <a:spcPct val="87000"/>
              </a:lnSpc>
              <a:spcBef>
                <a:spcPts val="1200"/>
              </a:spcBef>
              <a:spcAft>
                <a:spcPts val="0"/>
              </a:spcAft>
              <a:buNone/>
              <a:defRPr sz="6000" b="0">
                <a:latin typeface="DI Numbers Office" pitchFamily="2" charset="0"/>
              </a:defRPr>
            </a:lvl9pPr>
          </a:lstStyle>
          <a:p>
            <a:pPr lvl="0"/>
            <a:r>
              <a:rPr lang="da-DK" noProof="0" dirty="0"/>
              <a:t>Klik for at indsætte 123%</a:t>
            </a:r>
          </a:p>
        </p:txBody>
      </p:sp>
      <p:sp>
        <p:nvSpPr>
          <p:cNvPr id="14" name="Text Placeholder note">
            <a:extLst>
              <a:ext uri="{FF2B5EF4-FFF2-40B4-BE49-F238E27FC236}">
                <a16:creationId xmlns:a16="http://schemas.microsoft.com/office/drawing/2014/main" id="{84B91D35-23CD-E42E-72A6-55B483D13D67}"/>
              </a:ext>
            </a:extLst>
          </p:cNvPr>
          <p:cNvSpPr>
            <a:spLocks noGrp="1"/>
          </p:cNvSpPr>
          <p:nvPr>
            <p:ph type="body" sz="quarter" idx="19"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2" name="Pladsholder til dato 1" hidden="1">
            <a:extLst>
              <a:ext uri="{FF2B5EF4-FFF2-40B4-BE49-F238E27FC236}">
                <a16:creationId xmlns:a16="http://schemas.microsoft.com/office/drawing/2014/main" id="{6D0FB33F-8C42-2D32-01E5-CA0AB0771641}"/>
              </a:ext>
            </a:extLst>
          </p:cNvPr>
          <p:cNvSpPr>
            <a:spLocks noGrp="1"/>
          </p:cNvSpPr>
          <p:nvPr>
            <p:ph type="dt" sz="half" idx="20"/>
          </p:nvPr>
        </p:nvSpPr>
        <p:spPr/>
        <p:txBody>
          <a:bodyPr/>
          <a:lstStyle/>
          <a:p>
            <a:fld id="{184108CF-F4BF-46AE-BE9E-23AF7477B31B}" type="datetime2">
              <a:rPr lang="da-DK" smtClean="0"/>
              <a:t>30. maj 2025</a:t>
            </a:fld>
            <a:endParaRPr lang="da-DK" dirty="0"/>
          </a:p>
        </p:txBody>
      </p:sp>
      <p:sp>
        <p:nvSpPr>
          <p:cNvPr id="4" name="Pladsholder til sidefod 3" hidden="1">
            <a:extLst>
              <a:ext uri="{FF2B5EF4-FFF2-40B4-BE49-F238E27FC236}">
                <a16:creationId xmlns:a16="http://schemas.microsoft.com/office/drawing/2014/main" id="{6DB6BEE3-FFAD-B58E-EA0A-D24AD2AB39E1}"/>
              </a:ext>
            </a:extLst>
          </p:cNvPr>
          <p:cNvSpPr>
            <a:spLocks noGrp="1"/>
          </p:cNvSpPr>
          <p:nvPr>
            <p:ph type="ftr" sz="quarter" idx="21"/>
          </p:nvPr>
        </p:nvSpPr>
        <p:spPr/>
        <p:txBody>
          <a:bodyPr/>
          <a:lstStyle/>
          <a:p>
            <a:endParaRPr lang="da-DK" dirty="0"/>
          </a:p>
        </p:txBody>
      </p:sp>
      <p:sp>
        <p:nvSpPr>
          <p:cNvPr id="13" name="Pladsholder til slidenummer 12" hidden="1">
            <a:extLst>
              <a:ext uri="{FF2B5EF4-FFF2-40B4-BE49-F238E27FC236}">
                <a16:creationId xmlns:a16="http://schemas.microsoft.com/office/drawing/2014/main" id="{6C8A0763-32BF-111A-8FBC-C9676FCEDDE5}"/>
              </a:ext>
            </a:extLst>
          </p:cNvPr>
          <p:cNvSpPr>
            <a:spLocks noGrp="1"/>
          </p:cNvSpPr>
          <p:nvPr>
            <p:ph type="sldNum" sz="quarter" idx="2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72553140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2" orient="horz" pos="2159" userDrawn="1">
          <p15:clr>
            <a:srgbClr val="A4A3A4"/>
          </p15:clr>
        </p15:guide>
        <p15:guide id="3" orient="horz" pos="1996"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Rapport syv indho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648000" y="648000"/>
            <a:ext cx="2527200" cy="2520000"/>
          </a:xfrm>
        </p:spPr>
        <p:txBody>
          <a:bodyPr/>
          <a:lstStyle>
            <a:lvl1pPr>
              <a:defRPr sz="2400"/>
            </a:lvl1pPr>
          </a:lstStyle>
          <a:p>
            <a:r>
              <a:rPr lang="da-DK" dirty="0"/>
              <a:t>Klik for at indsætte overskrift</a:t>
            </a:r>
          </a:p>
        </p:txBody>
      </p:sp>
      <p:sp>
        <p:nvSpPr>
          <p:cNvPr id="3" name="Content Placeholder 2"/>
          <p:cNvSpPr>
            <a:spLocks noGrp="1"/>
          </p:cNvSpPr>
          <p:nvPr>
            <p:ph idx="1" hasCustomPrompt="1"/>
          </p:nvPr>
        </p:nvSpPr>
        <p:spPr>
          <a:xfrm>
            <a:off x="648000"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437597" y="6480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3437597"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29741" y="6480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p:txBody>
      </p:sp>
      <p:sp>
        <p:nvSpPr>
          <p:cNvPr id="2" name="Content Placeholder 12">
            <a:extLst>
              <a:ext uri="{FF2B5EF4-FFF2-40B4-BE49-F238E27FC236}">
                <a16:creationId xmlns:a16="http://schemas.microsoft.com/office/drawing/2014/main" id="{8FA2F1E0-918E-C691-0E61-C967C1BDB5A6}"/>
              </a:ext>
            </a:extLst>
          </p:cNvPr>
          <p:cNvSpPr>
            <a:spLocks noGrp="1"/>
          </p:cNvSpPr>
          <p:nvPr>
            <p:ph sz="quarter" idx="21" hasCustomPrompt="1"/>
          </p:nvPr>
        </p:nvSpPr>
        <p:spPr>
          <a:xfrm>
            <a:off x="9013825" y="648000"/>
            <a:ext cx="2528888" cy="2520000"/>
          </a:xfrm>
        </p:spPr>
        <p:txBody>
          <a:bodyPr/>
          <a:lstStyle>
            <a:lvl1pPr marL="0" indent="0">
              <a:lnSpc>
                <a:spcPct val="87000"/>
              </a:lnSpc>
              <a:spcBef>
                <a:spcPts val="1200"/>
              </a:spcBef>
              <a:spcAft>
                <a:spcPts val="0"/>
              </a:spcAft>
              <a:buNone/>
              <a:defRPr sz="6000" b="0">
                <a:latin typeface="DI Numbers Office" pitchFamily="2" charset="0"/>
              </a:defRPr>
            </a:lvl1pPr>
            <a:lvl2pPr marL="0" indent="0">
              <a:lnSpc>
                <a:spcPct val="87000"/>
              </a:lnSpc>
              <a:spcBef>
                <a:spcPts val="1200"/>
              </a:spcBef>
              <a:spcAft>
                <a:spcPts val="0"/>
              </a:spcAft>
              <a:buNone/>
              <a:defRPr sz="6000" b="0">
                <a:latin typeface="DI Numbers Office" pitchFamily="2" charset="0"/>
              </a:defRPr>
            </a:lvl2pPr>
            <a:lvl3pPr marL="0" indent="0">
              <a:lnSpc>
                <a:spcPct val="87000"/>
              </a:lnSpc>
              <a:spcBef>
                <a:spcPts val="1200"/>
              </a:spcBef>
              <a:spcAft>
                <a:spcPts val="0"/>
              </a:spcAft>
              <a:buNone/>
              <a:defRPr sz="6000" b="0">
                <a:latin typeface="DI Numbers Office" pitchFamily="2" charset="0"/>
              </a:defRPr>
            </a:lvl3pPr>
            <a:lvl4pPr marL="0">
              <a:lnSpc>
                <a:spcPct val="87000"/>
              </a:lnSpc>
              <a:spcBef>
                <a:spcPts val="1200"/>
              </a:spcBef>
              <a:spcAft>
                <a:spcPts val="0"/>
              </a:spcAft>
              <a:buNone/>
              <a:defRPr sz="6000" b="0">
                <a:latin typeface="DI Numbers Office" pitchFamily="2" charset="0"/>
              </a:defRPr>
            </a:lvl4pPr>
            <a:lvl5pPr marL="0">
              <a:lnSpc>
                <a:spcPct val="87000"/>
              </a:lnSpc>
              <a:spcBef>
                <a:spcPts val="1200"/>
              </a:spcBef>
              <a:spcAft>
                <a:spcPts val="0"/>
              </a:spcAft>
              <a:buNone/>
              <a:defRPr sz="6000" b="0">
                <a:latin typeface="DI Numbers Office" pitchFamily="2" charset="0"/>
              </a:defRPr>
            </a:lvl5pPr>
            <a:lvl6pPr marL="0" indent="0">
              <a:lnSpc>
                <a:spcPct val="87000"/>
              </a:lnSpc>
              <a:spcBef>
                <a:spcPts val="1200"/>
              </a:spcBef>
              <a:spcAft>
                <a:spcPts val="0"/>
              </a:spcAft>
              <a:buNone/>
              <a:defRPr sz="6000" b="0">
                <a:latin typeface="DI Numbers Office" pitchFamily="2" charset="0"/>
              </a:defRPr>
            </a:lvl6pPr>
            <a:lvl7pPr marL="0">
              <a:lnSpc>
                <a:spcPct val="87000"/>
              </a:lnSpc>
              <a:spcBef>
                <a:spcPts val="1200"/>
              </a:spcBef>
              <a:spcAft>
                <a:spcPts val="0"/>
              </a:spcAft>
              <a:buNone/>
              <a:defRPr sz="6000" b="0">
                <a:latin typeface="DI Numbers Office" pitchFamily="2" charset="0"/>
              </a:defRPr>
            </a:lvl7pPr>
            <a:lvl8pPr marL="0">
              <a:lnSpc>
                <a:spcPct val="87000"/>
              </a:lnSpc>
              <a:spcBef>
                <a:spcPts val="1200"/>
              </a:spcBef>
              <a:spcAft>
                <a:spcPts val="0"/>
              </a:spcAft>
              <a:buNone/>
              <a:defRPr sz="6000" b="0">
                <a:latin typeface="DI Numbers Office" pitchFamily="2" charset="0"/>
              </a:defRPr>
            </a:lvl8pPr>
            <a:lvl9pPr marL="0">
              <a:lnSpc>
                <a:spcPct val="87000"/>
              </a:lnSpc>
              <a:spcBef>
                <a:spcPts val="1200"/>
              </a:spcBef>
              <a:spcAft>
                <a:spcPts val="0"/>
              </a:spcAft>
              <a:buNone/>
              <a:defRPr sz="6000" b="0">
                <a:latin typeface="DI Numbers Office" pitchFamily="2" charset="0"/>
              </a:defRPr>
            </a:lvl9pPr>
          </a:lstStyle>
          <a:p>
            <a:pPr lvl="0"/>
            <a:r>
              <a:rPr lang="da-DK" noProof="0" dirty="0"/>
              <a:t>Klik og indsæt 123%</a:t>
            </a:r>
          </a:p>
        </p:txBody>
      </p:sp>
      <p:sp>
        <p:nvSpPr>
          <p:cNvPr id="4" name="Text Placeholder note">
            <a:extLst>
              <a:ext uri="{FF2B5EF4-FFF2-40B4-BE49-F238E27FC236}">
                <a16:creationId xmlns:a16="http://schemas.microsoft.com/office/drawing/2014/main" id="{9293B404-C542-36E9-352D-662FB25977DE}"/>
              </a:ext>
            </a:extLst>
          </p:cNvPr>
          <p:cNvSpPr>
            <a:spLocks noGrp="1"/>
          </p:cNvSpPr>
          <p:nvPr>
            <p:ph type="body" sz="quarter" idx="22"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9" name="Pladsholder til dato 8" hidden="1">
            <a:extLst>
              <a:ext uri="{FF2B5EF4-FFF2-40B4-BE49-F238E27FC236}">
                <a16:creationId xmlns:a16="http://schemas.microsoft.com/office/drawing/2014/main" id="{01224BFB-0C29-9655-0FE2-4E41651F096D}"/>
              </a:ext>
            </a:extLst>
          </p:cNvPr>
          <p:cNvSpPr>
            <a:spLocks noGrp="1"/>
          </p:cNvSpPr>
          <p:nvPr>
            <p:ph type="dt" sz="half" idx="23"/>
          </p:nvPr>
        </p:nvSpPr>
        <p:spPr/>
        <p:txBody>
          <a:bodyPr/>
          <a:lstStyle/>
          <a:p>
            <a:fld id="{4EEAA188-5A0A-458D-9709-7483ECB9B179}" type="datetime2">
              <a:rPr lang="da-DK" smtClean="0"/>
              <a:t>30. maj 2025</a:t>
            </a:fld>
            <a:endParaRPr lang="da-DK" dirty="0"/>
          </a:p>
        </p:txBody>
      </p:sp>
      <p:sp>
        <p:nvSpPr>
          <p:cNvPr id="10" name="Pladsholder til sidefod 9" hidden="1">
            <a:extLst>
              <a:ext uri="{FF2B5EF4-FFF2-40B4-BE49-F238E27FC236}">
                <a16:creationId xmlns:a16="http://schemas.microsoft.com/office/drawing/2014/main" id="{AEC8E52F-0D96-74F6-819D-5A9438022484}"/>
              </a:ext>
            </a:extLst>
          </p:cNvPr>
          <p:cNvSpPr>
            <a:spLocks noGrp="1"/>
          </p:cNvSpPr>
          <p:nvPr>
            <p:ph type="ftr" sz="quarter" idx="24"/>
          </p:nvPr>
        </p:nvSpPr>
        <p:spPr/>
        <p:txBody>
          <a:bodyPr/>
          <a:lstStyle/>
          <a:p>
            <a:endParaRPr lang="da-DK" dirty="0"/>
          </a:p>
        </p:txBody>
      </p:sp>
      <p:sp>
        <p:nvSpPr>
          <p:cNvPr id="14" name="Pladsholder til slidenummer 13" hidden="1">
            <a:extLst>
              <a:ext uri="{FF2B5EF4-FFF2-40B4-BE49-F238E27FC236}">
                <a16:creationId xmlns:a16="http://schemas.microsoft.com/office/drawing/2014/main" id="{38B67B8E-9814-F918-84D9-5136B08F2477}"/>
              </a:ext>
            </a:extLst>
          </p:cNvPr>
          <p:cNvSpPr>
            <a:spLocks noGrp="1"/>
          </p:cNvSpPr>
          <p:nvPr>
            <p:ph type="sldNum" sz="quarter" idx="25"/>
          </p:nvPr>
        </p:nvSpPr>
        <p:spPr/>
        <p:txBody>
          <a:bodyPr/>
          <a:lstStyle/>
          <a:p>
            <a:fld id="{24C8C45C-947F-4981-8B3F-4F32E973C901}" type="slidenum">
              <a:rPr lang="da-DK" smtClean="0"/>
              <a:pPr/>
              <a:t>‹#›</a:t>
            </a:fld>
            <a:endParaRPr lang="da-DK" dirty="0"/>
          </a:p>
        </p:txBody>
      </p:sp>
      <p:sp>
        <p:nvSpPr>
          <p:cNvPr id="17" name="Content Placeholder 14">
            <a:extLst>
              <a:ext uri="{FF2B5EF4-FFF2-40B4-BE49-F238E27FC236}">
                <a16:creationId xmlns:a16="http://schemas.microsoft.com/office/drawing/2014/main" id="{0A292E12-B22A-6473-743D-C1FAE7236874}"/>
              </a:ext>
            </a:extLst>
          </p:cNvPr>
          <p:cNvSpPr>
            <a:spLocks noGrp="1"/>
          </p:cNvSpPr>
          <p:nvPr>
            <p:ph sz="quarter" idx="26" hasCustomPrompt="1"/>
          </p:nvPr>
        </p:nvSpPr>
        <p:spPr>
          <a:xfrm>
            <a:off x="6229741"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p:txBody>
      </p:sp>
      <p:sp>
        <p:nvSpPr>
          <p:cNvPr id="18" name="Content Placeholder 14">
            <a:extLst>
              <a:ext uri="{FF2B5EF4-FFF2-40B4-BE49-F238E27FC236}">
                <a16:creationId xmlns:a16="http://schemas.microsoft.com/office/drawing/2014/main" id="{89973F6E-BE36-5A8D-29A5-741FC174D97B}"/>
              </a:ext>
            </a:extLst>
          </p:cNvPr>
          <p:cNvSpPr>
            <a:spLocks noGrp="1"/>
          </p:cNvSpPr>
          <p:nvPr>
            <p:ph sz="quarter" idx="27" hasCustomPrompt="1"/>
          </p:nvPr>
        </p:nvSpPr>
        <p:spPr>
          <a:xfrm>
            <a:off x="9015513"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p>
          <a:p>
            <a:pPr lvl="1"/>
            <a:r>
              <a:rPr lang="da-DK" noProof="0" dirty="0"/>
              <a:t>Andet Niveau</a:t>
            </a:r>
          </a:p>
        </p:txBody>
      </p:sp>
    </p:spTree>
    <p:extLst>
      <p:ext uri="{BB962C8B-B14F-4D97-AF65-F5344CB8AC3E}">
        <p14:creationId xmlns:p14="http://schemas.microsoft.com/office/powerpoint/2010/main" val="2844806415"/>
      </p:ext>
    </p:extLst>
  </p:cSld>
  <p:clrMapOvr>
    <a:masterClrMapping/>
  </p:clrMapOvr>
  <p:extLst>
    <p:ext uri="{DCECCB84-F9BA-43D5-87BE-67443E8EF086}">
      <p15:sldGuideLst xmlns:p15="http://schemas.microsoft.com/office/powerpoint/2012/main">
        <p15:guide id="1" orient="horz" pos="1996" userDrawn="1">
          <p15:clr>
            <a:srgbClr val="A4A3A4"/>
          </p15:clr>
        </p15:guide>
        <p15:guide id="2" orient="horz" pos="2158" userDrawn="1">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2 Kontaktpersoner">
    <p:bg>
      <p:bgPr>
        <a:solidFill>
          <a:schemeClr val="bg2"/>
        </a:solidFill>
        <a:effectLst/>
      </p:bgPr>
    </p:bg>
    <p:spTree>
      <p:nvGrpSpPr>
        <p:cNvPr id="1" name=""/>
        <p:cNvGrpSpPr/>
        <p:nvPr/>
      </p:nvGrpSpPr>
      <p:grpSpPr>
        <a:xfrm>
          <a:off x="0" y="0"/>
          <a:ext cx="0" cy="0"/>
          <a:chOff x="0" y="0"/>
          <a:chExt cx="0" cy="0"/>
        </a:xfrm>
      </p:grpSpPr>
      <p:sp>
        <p:nvSpPr>
          <p:cNvPr id="4" name="Pladsholder til dato 3" hidden="1">
            <a:extLst>
              <a:ext uri="{FF2B5EF4-FFF2-40B4-BE49-F238E27FC236}">
                <a16:creationId xmlns:a16="http://schemas.microsoft.com/office/drawing/2014/main" id="{61C79CF3-B631-E8E3-051D-72B58828B346}"/>
              </a:ext>
            </a:extLst>
          </p:cNvPr>
          <p:cNvSpPr>
            <a:spLocks noGrp="1"/>
          </p:cNvSpPr>
          <p:nvPr>
            <p:ph type="dt" sz="half" idx="11"/>
          </p:nvPr>
        </p:nvSpPr>
        <p:spPr>
          <a:xfrm>
            <a:off x="0" y="6858000"/>
            <a:ext cx="0" cy="0"/>
          </a:xfrm>
          <a:prstGeom prst="rect">
            <a:avLst/>
          </a:prstGeom>
        </p:spPr>
        <p:txBody>
          <a:bodyPr/>
          <a:lstStyle/>
          <a:p>
            <a:fld id="{A7544344-06F1-45C9-BF92-99A64AC4A3FE}" type="datetime2">
              <a:rPr lang="da-DK" smtClean="0"/>
              <a:t>30. maj 2025</a:t>
            </a:fld>
            <a:endParaRPr lang="da-DK" dirty="0"/>
          </a:p>
        </p:txBody>
      </p:sp>
      <p:sp>
        <p:nvSpPr>
          <p:cNvPr id="5" name="Pladsholder til sidefod 4" hidden="1">
            <a:extLst>
              <a:ext uri="{FF2B5EF4-FFF2-40B4-BE49-F238E27FC236}">
                <a16:creationId xmlns:a16="http://schemas.microsoft.com/office/drawing/2014/main" id="{54C20659-2A5B-B635-28CC-577FCE585D87}"/>
              </a:ext>
            </a:extLst>
          </p:cNvPr>
          <p:cNvSpPr>
            <a:spLocks noGrp="1"/>
          </p:cNvSpPr>
          <p:nvPr>
            <p:ph type="ftr" sz="quarter" idx="12"/>
          </p:nvPr>
        </p:nvSpPr>
        <p:spPr>
          <a:xfrm>
            <a:off x="0" y="6858000"/>
            <a:ext cx="0" cy="0"/>
          </a:xfrm>
          <a:prstGeom prst="rect">
            <a:avLst/>
          </a:prstGeom>
        </p:spPr>
        <p:txBody>
          <a:bodyPr/>
          <a:lstStyle/>
          <a:p>
            <a:endParaRPr lang="da-DK" dirty="0"/>
          </a:p>
        </p:txBody>
      </p:sp>
      <p:sp>
        <p:nvSpPr>
          <p:cNvPr id="3" name="Pladsholder til slidenummer 2" hidden="1">
            <a:extLst>
              <a:ext uri="{FF2B5EF4-FFF2-40B4-BE49-F238E27FC236}">
                <a16:creationId xmlns:a16="http://schemas.microsoft.com/office/drawing/2014/main" id="{8A2E37A7-0865-5D9D-8070-D263D29272F5}"/>
              </a:ext>
            </a:extLst>
          </p:cNvPr>
          <p:cNvSpPr>
            <a:spLocks noGrp="1"/>
          </p:cNvSpPr>
          <p:nvPr>
            <p:ph type="sldNum" sz="quarter" idx="10"/>
          </p:nvPr>
        </p:nvSpPr>
        <p:spPr>
          <a:xfrm>
            <a:off x="0" y="6858000"/>
            <a:ext cx="0" cy="0"/>
          </a:xfrm>
          <a:prstGeom prst="rect">
            <a:avLst/>
          </a:prstGeom>
        </p:spPr>
        <p:txBody>
          <a:bodyPr/>
          <a:lstStyle/>
          <a:p>
            <a:fld id="{24C8C45C-947F-4981-8B3F-4F32E973C901}" type="slidenum">
              <a:rPr lang="da-DK" smtClean="0"/>
              <a:pPr/>
              <a:t>‹#›</a:t>
            </a:fld>
            <a:endParaRPr lang="da-DK" dirty="0"/>
          </a:p>
        </p:txBody>
      </p:sp>
      <p:sp>
        <p:nvSpPr>
          <p:cNvPr id="16" name="Billedepladsholder 1">
            <a:extLst>
              <a:ext uri="{FF2B5EF4-FFF2-40B4-BE49-F238E27FC236}">
                <a16:creationId xmlns:a16="http://schemas.microsoft.com/office/drawing/2014/main" id="{8E1C80C0-9FA5-E77D-95FB-701A9423CFD5}"/>
              </a:ext>
            </a:extLst>
          </p:cNvPr>
          <p:cNvSpPr>
            <a:spLocks noGrp="1"/>
          </p:cNvSpPr>
          <p:nvPr>
            <p:ph type="pic" sz="quarter" idx="14" hasCustomPrompt="1"/>
          </p:nvPr>
        </p:nvSpPr>
        <p:spPr>
          <a:xfrm>
            <a:off x="3435350" y="1526429"/>
            <a:ext cx="3719513" cy="3424446"/>
          </a:xfrm>
          <a:custGeom>
            <a:avLst/>
            <a:gdLst>
              <a:gd name="connsiteX0" fmla="*/ 0 w 3719513"/>
              <a:gd name="connsiteY0" fmla="*/ 0 h 3424446"/>
              <a:gd name="connsiteX1" fmla="*/ 349430 w 3719513"/>
              <a:gd name="connsiteY1" fmla="*/ 0 h 3424446"/>
              <a:gd name="connsiteX2" fmla="*/ 1027522 w 3719513"/>
              <a:gd name="connsiteY2" fmla="*/ 0 h 3424446"/>
              <a:gd name="connsiteX3" fmla="*/ 3370083 w 3719513"/>
              <a:gd name="connsiteY3" fmla="*/ 0 h 3424446"/>
              <a:gd name="connsiteX4" fmla="*/ 3719513 w 3719513"/>
              <a:gd name="connsiteY4" fmla="*/ 349430 h 3424446"/>
              <a:gd name="connsiteX5" fmla="*/ 3719513 w 3719513"/>
              <a:gd name="connsiteY5" fmla="*/ 3075016 h 3424446"/>
              <a:gd name="connsiteX6" fmla="*/ 3370083 w 3719513"/>
              <a:gd name="connsiteY6" fmla="*/ 3424446 h 3424446"/>
              <a:gd name="connsiteX7" fmla="*/ 349430 w 3719513"/>
              <a:gd name="connsiteY7" fmla="*/ 3424446 h 3424446"/>
              <a:gd name="connsiteX8" fmla="*/ 0 w 3719513"/>
              <a:gd name="connsiteY8" fmla="*/ 3075016 h 3424446"/>
              <a:gd name="connsiteX9" fmla="*/ 0 w 3719513"/>
              <a:gd name="connsiteY9" fmla="*/ 961534 h 3424446"/>
              <a:gd name="connsiteX10" fmla="*/ 0 w 3719513"/>
              <a:gd name="connsiteY10" fmla="*/ 349430 h 34244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719513" h="3424446">
                <a:moveTo>
                  <a:pt x="0" y="0"/>
                </a:moveTo>
                <a:lnTo>
                  <a:pt x="349430" y="0"/>
                </a:lnTo>
                <a:lnTo>
                  <a:pt x="1027522" y="0"/>
                </a:lnTo>
                <a:lnTo>
                  <a:pt x="3370083" y="0"/>
                </a:lnTo>
                <a:cubicBezTo>
                  <a:pt x="3563068" y="0"/>
                  <a:pt x="3719513" y="156445"/>
                  <a:pt x="3719513" y="349430"/>
                </a:cubicBezTo>
                <a:lnTo>
                  <a:pt x="3719513" y="3075016"/>
                </a:lnTo>
                <a:cubicBezTo>
                  <a:pt x="3719513" y="3268001"/>
                  <a:pt x="3563068" y="3424446"/>
                  <a:pt x="3370083" y="3424446"/>
                </a:cubicBezTo>
                <a:lnTo>
                  <a:pt x="349430" y="3424446"/>
                </a:lnTo>
                <a:cubicBezTo>
                  <a:pt x="156445" y="3424446"/>
                  <a:pt x="0" y="3268001"/>
                  <a:pt x="0" y="3075016"/>
                </a:cubicBezTo>
                <a:lnTo>
                  <a:pt x="0" y="961534"/>
                </a:lnTo>
                <a:lnTo>
                  <a:pt x="0" y="349430"/>
                </a:lnTo>
                <a:close/>
              </a:path>
            </a:pathLst>
          </a:custGeom>
          <a:solidFill>
            <a:schemeClr val="bg1">
              <a:lumMod val="95000"/>
            </a:schemeClr>
          </a:solidFill>
        </p:spPr>
        <p:txBody>
          <a:bodyPr wrap="square" lIns="108000" tIns="72000" rIns="108000" bIns="0" anchor="t" anchorCtr="0">
            <a:noAutofit/>
          </a:bodyPr>
          <a:lstStyle>
            <a:lvl1pPr marL="0" indent="0" algn="ctr">
              <a:buNone/>
              <a:defRPr sz="1600"/>
            </a:lvl1pPr>
          </a:lstStyle>
          <a:p>
            <a:r>
              <a:rPr lang="da-DK" noProof="0" dirty="0"/>
              <a:t>Klik på rammen og indsæt billede via Skyfish</a:t>
            </a:r>
          </a:p>
        </p:txBody>
      </p:sp>
      <p:sp>
        <p:nvSpPr>
          <p:cNvPr id="17" name="Billedepladsholder 2">
            <a:extLst>
              <a:ext uri="{FF2B5EF4-FFF2-40B4-BE49-F238E27FC236}">
                <a16:creationId xmlns:a16="http://schemas.microsoft.com/office/drawing/2014/main" id="{C6660F99-2D39-0E5E-2BAE-8FE7E698DC74}"/>
              </a:ext>
            </a:extLst>
          </p:cNvPr>
          <p:cNvSpPr>
            <a:spLocks noGrp="1"/>
          </p:cNvSpPr>
          <p:nvPr>
            <p:ph type="pic" sz="quarter" idx="15" hasCustomPrompt="1"/>
          </p:nvPr>
        </p:nvSpPr>
        <p:spPr>
          <a:xfrm>
            <a:off x="7496796" y="1526429"/>
            <a:ext cx="3719513" cy="3424446"/>
          </a:xfrm>
          <a:custGeom>
            <a:avLst/>
            <a:gdLst>
              <a:gd name="connsiteX0" fmla="*/ 0 w 3719513"/>
              <a:gd name="connsiteY0" fmla="*/ 0 h 3424446"/>
              <a:gd name="connsiteX1" fmla="*/ 349430 w 3719513"/>
              <a:gd name="connsiteY1" fmla="*/ 0 h 3424446"/>
              <a:gd name="connsiteX2" fmla="*/ 1027522 w 3719513"/>
              <a:gd name="connsiteY2" fmla="*/ 0 h 3424446"/>
              <a:gd name="connsiteX3" fmla="*/ 3370083 w 3719513"/>
              <a:gd name="connsiteY3" fmla="*/ 0 h 3424446"/>
              <a:gd name="connsiteX4" fmla="*/ 3719513 w 3719513"/>
              <a:gd name="connsiteY4" fmla="*/ 349430 h 3424446"/>
              <a:gd name="connsiteX5" fmla="*/ 3719513 w 3719513"/>
              <a:gd name="connsiteY5" fmla="*/ 3075016 h 3424446"/>
              <a:gd name="connsiteX6" fmla="*/ 3370083 w 3719513"/>
              <a:gd name="connsiteY6" fmla="*/ 3424446 h 3424446"/>
              <a:gd name="connsiteX7" fmla="*/ 349430 w 3719513"/>
              <a:gd name="connsiteY7" fmla="*/ 3424446 h 3424446"/>
              <a:gd name="connsiteX8" fmla="*/ 0 w 3719513"/>
              <a:gd name="connsiteY8" fmla="*/ 3075016 h 3424446"/>
              <a:gd name="connsiteX9" fmla="*/ 0 w 3719513"/>
              <a:gd name="connsiteY9" fmla="*/ 961534 h 3424446"/>
              <a:gd name="connsiteX10" fmla="*/ 0 w 3719513"/>
              <a:gd name="connsiteY10" fmla="*/ 349430 h 34244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719513" h="3424446">
                <a:moveTo>
                  <a:pt x="0" y="0"/>
                </a:moveTo>
                <a:lnTo>
                  <a:pt x="349430" y="0"/>
                </a:lnTo>
                <a:lnTo>
                  <a:pt x="1027522" y="0"/>
                </a:lnTo>
                <a:lnTo>
                  <a:pt x="3370083" y="0"/>
                </a:lnTo>
                <a:cubicBezTo>
                  <a:pt x="3563068" y="0"/>
                  <a:pt x="3719513" y="156445"/>
                  <a:pt x="3719513" y="349430"/>
                </a:cubicBezTo>
                <a:lnTo>
                  <a:pt x="3719513" y="3075016"/>
                </a:lnTo>
                <a:cubicBezTo>
                  <a:pt x="3719513" y="3268001"/>
                  <a:pt x="3563068" y="3424446"/>
                  <a:pt x="3370083" y="3424446"/>
                </a:cubicBezTo>
                <a:lnTo>
                  <a:pt x="349430" y="3424446"/>
                </a:lnTo>
                <a:cubicBezTo>
                  <a:pt x="156445" y="3424446"/>
                  <a:pt x="0" y="3268001"/>
                  <a:pt x="0" y="3075016"/>
                </a:cubicBezTo>
                <a:lnTo>
                  <a:pt x="0" y="961534"/>
                </a:lnTo>
                <a:lnTo>
                  <a:pt x="0" y="349430"/>
                </a:lnTo>
                <a:close/>
              </a:path>
            </a:pathLst>
          </a:custGeom>
          <a:solidFill>
            <a:schemeClr val="bg1">
              <a:lumMod val="95000"/>
            </a:schemeClr>
          </a:solidFill>
        </p:spPr>
        <p:txBody>
          <a:bodyPr wrap="square" lIns="108000" tIns="72000" rIns="108000" bIns="0" anchor="t" anchorCtr="0">
            <a:noAutofit/>
          </a:bodyPr>
          <a:lstStyle>
            <a:lvl1pPr marL="0" indent="0" algn="ctr">
              <a:buNone/>
              <a:defRPr sz="1600"/>
            </a:lvl1pPr>
          </a:lstStyle>
          <a:p>
            <a:r>
              <a:rPr lang="da-DK" noProof="0" dirty="0"/>
              <a:t>Klik på rammen og indsæt billede via Skyfish</a:t>
            </a:r>
          </a:p>
        </p:txBody>
      </p:sp>
      <p:sp>
        <p:nvSpPr>
          <p:cNvPr id="2" name="Titel 1">
            <a:extLst>
              <a:ext uri="{FF2B5EF4-FFF2-40B4-BE49-F238E27FC236}">
                <a16:creationId xmlns:a16="http://schemas.microsoft.com/office/drawing/2014/main" id="{9F85D3E7-D4BC-7BF4-9267-EBAA80F11F25}"/>
              </a:ext>
            </a:extLst>
          </p:cNvPr>
          <p:cNvSpPr>
            <a:spLocks noGrp="1"/>
          </p:cNvSpPr>
          <p:nvPr>
            <p:ph type="title" hasCustomPrompt="1"/>
          </p:nvPr>
        </p:nvSpPr>
        <p:spPr>
          <a:xfrm>
            <a:off x="648000" y="648000"/>
            <a:ext cx="10897200" cy="600697"/>
          </a:xfrm>
        </p:spPr>
        <p:txBody>
          <a:bodyPr/>
          <a:lstStyle>
            <a:lvl1pPr>
              <a:defRPr/>
            </a:lvl1pPr>
          </a:lstStyle>
          <a:p>
            <a:r>
              <a:rPr lang="da-DK" dirty="0"/>
              <a:t>Klik for at indsætte Kontaktpersoner</a:t>
            </a:r>
          </a:p>
        </p:txBody>
      </p:sp>
      <p:sp>
        <p:nvSpPr>
          <p:cNvPr id="8" name="Pladsholder til tekst 7">
            <a:extLst>
              <a:ext uri="{FF2B5EF4-FFF2-40B4-BE49-F238E27FC236}">
                <a16:creationId xmlns:a16="http://schemas.microsoft.com/office/drawing/2014/main" id="{3EE981BC-DD1C-C0DC-77DB-4FB9211CC57D}"/>
              </a:ext>
            </a:extLst>
          </p:cNvPr>
          <p:cNvSpPr>
            <a:spLocks noGrp="1"/>
          </p:cNvSpPr>
          <p:nvPr>
            <p:ph type="body" sz="quarter" idx="13" hasCustomPrompt="1"/>
          </p:nvPr>
        </p:nvSpPr>
        <p:spPr>
          <a:xfrm>
            <a:off x="647700" y="1501897"/>
            <a:ext cx="1858963" cy="2160000"/>
          </a:xfrm>
        </p:spPr>
        <p:txBody>
          <a:bodyPr/>
          <a:lstStyle>
            <a:lvl1pPr marL="0" indent="0">
              <a:lnSpc>
                <a:spcPct val="100000"/>
              </a:lnSpc>
              <a:spcAft>
                <a:spcPts val="600"/>
              </a:spcAft>
              <a:buFont typeface="Arial" panose="020B0604020202020204" pitchFamily="34" charset="0"/>
              <a:buChar char="​"/>
              <a:defRPr sz="1000"/>
            </a:lvl1pPr>
            <a:lvl2pPr marL="0" indent="0">
              <a:lnSpc>
                <a:spcPct val="100000"/>
              </a:lnSpc>
              <a:spcAft>
                <a:spcPts val="0"/>
              </a:spcAft>
              <a:buFont typeface="Arial" panose="020B0604020202020204" pitchFamily="34" charset="0"/>
              <a:buChar char="​"/>
              <a:defRPr sz="1000" b="1"/>
            </a:lvl2pPr>
            <a:lvl3pPr marL="90000" indent="-90000">
              <a:lnSpc>
                <a:spcPct val="100000"/>
              </a:lnSpc>
              <a:spcAft>
                <a:spcPts val="600"/>
              </a:spcAft>
              <a:defRPr sz="1000"/>
            </a:lvl3pPr>
            <a:lvl4pPr marL="180000" indent="-90000">
              <a:lnSpc>
                <a:spcPct val="100000"/>
              </a:lnSpc>
              <a:spcAft>
                <a:spcPts val="600"/>
              </a:spcAft>
              <a:buFont typeface="Arial" panose="020B0604020202020204" pitchFamily="34" charset="0"/>
              <a:buChar char="•"/>
              <a:defRPr sz="1000" b="0"/>
            </a:lvl4pPr>
            <a:lvl5pPr marL="270000" indent="-90000">
              <a:lnSpc>
                <a:spcPct val="100000"/>
              </a:lnSpc>
              <a:spcAft>
                <a:spcPts val="600"/>
              </a:spcAft>
              <a:buFont typeface="Arial" panose="020B0604020202020204" pitchFamily="34" charset="0"/>
              <a:buChar char="•"/>
              <a:defRPr sz="1000"/>
            </a:lvl5pPr>
            <a:lvl6pPr marL="180000" indent="-180000">
              <a:lnSpc>
                <a:spcPct val="93000"/>
              </a:lnSpc>
              <a:spcAft>
                <a:spcPts val="600"/>
              </a:spcAft>
              <a:defRPr sz="2000"/>
            </a:lvl6pPr>
            <a:lvl7pPr>
              <a:lnSpc>
                <a:spcPct val="93000"/>
              </a:lnSpc>
              <a:spcAft>
                <a:spcPts val="0"/>
              </a:spcAft>
              <a:defRPr sz="2000"/>
            </a:lvl7pPr>
            <a:lvl8pPr>
              <a:lnSpc>
                <a:spcPct val="93000"/>
              </a:lnSpc>
              <a:spcAft>
                <a:spcPts val="1200"/>
              </a:spcAft>
              <a:defRPr sz="2000"/>
            </a:lvl8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a:t>
            </a:r>
          </a:p>
        </p:txBody>
      </p:sp>
      <p:sp>
        <p:nvSpPr>
          <p:cNvPr id="19" name="Pladsholder til tekst navn">
            <a:extLst>
              <a:ext uri="{FF2B5EF4-FFF2-40B4-BE49-F238E27FC236}">
                <a16:creationId xmlns:a16="http://schemas.microsoft.com/office/drawing/2014/main" id="{DDEC23B9-63B1-8BA7-FB58-088997549115}"/>
              </a:ext>
            </a:extLst>
          </p:cNvPr>
          <p:cNvSpPr>
            <a:spLocks noGrp="1"/>
          </p:cNvSpPr>
          <p:nvPr>
            <p:ph type="body" sz="quarter" idx="16" hasCustomPrompt="1"/>
          </p:nvPr>
        </p:nvSpPr>
        <p:spPr>
          <a:xfrm>
            <a:off x="3668454" y="5117657"/>
            <a:ext cx="3222000" cy="252000"/>
          </a:xfrm>
        </p:spPr>
        <p:txBody>
          <a:bodyPr/>
          <a:lstStyle>
            <a:lvl1pPr marL="0" indent="0">
              <a:lnSpc>
                <a:spcPct val="100000"/>
              </a:lnSpc>
              <a:spcAft>
                <a:spcPts val="0"/>
              </a:spcAft>
              <a:buNone/>
              <a:defRPr sz="1600" b="1"/>
            </a:lvl1pPr>
            <a:lvl2pPr marL="0" indent="0">
              <a:lnSpc>
                <a:spcPct val="100000"/>
              </a:lnSpc>
              <a:spcAft>
                <a:spcPts val="0"/>
              </a:spcAft>
              <a:buNone/>
              <a:defRPr sz="1600" b="1"/>
            </a:lvl2pPr>
            <a:lvl3pPr marL="0" indent="0">
              <a:lnSpc>
                <a:spcPct val="100000"/>
              </a:lnSpc>
              <a:spcAft>
                <a:spcPts val="0"/>
              </a:spcAft>
              <a:buNone/>
              <a:defRPr sz="1600" b="1"/>
            </a:lvl3pPr>
            <a:lvl4pPr marL="0">
              <a:lnSpc>
                <a:spcPct val="100000"/>
              </a:lnSpc>
              <a:spcAft>
                <a:spcPts val="0"/>
              </a:spcAft>
              <a:buNone/>
              <a:defRPr sz="1600" b="1"/>
            </a:lvl4pPr>
            <a:lvl5pPr marL="0">
              <a:lnSpc>
                <a:spcPct val="100000"/>
              </a:lnSpc>
              <a:spcAft>
                <a:spcPts val="0"/>
              </a:spcAft>
              <a:buNone/>
              <a:defRPr sz="1600" b="1"/>
            </a:lvl5pPr>
            <a:lvl6pPr marL="0" indent="0">
              <a:lnSpc>
                <a:spcPct val="100000"/>
              </a:lnSpc>
              <a:spcAft>
                <a:spcPts val="0"/>
              </a:spcAft>
              <a:buNone/>
              <a:defRPr sz="1600" b="1"/>
            </a:lvl6pPr>
            <a:lvl7pPr marL="0">
              <a:lnSpc>
                <a:spcPct val="100000"/>
              </a:lnSpc>
              <a:spcAft>
                <a:spcPts val="0"/>
              </a:spcAft>
              <a:buNone/>
              <a:defRPr sz="1600" b="1"/>
            </a:lvl7pPr>
            <a:lvl8pPr marL="0">
              <a:lnSpc>
                <a:spcPct val="100000"/>
              </a:lnSpc>
              <a:spcAft>
                <a:spcPts val="0"/>
              </a:spcAft>
              <a:buNone/>
              <a:defRPr sz="1600" b="1"/>
            </a:lvl8pPr>
            <a:lvl9pPr marL="0">
              <a:lnSpc>
                <a:spcPct val="100000"/>
              </a:lnSpc>
              <a:spcAft>
                <a:spcPts val="0"/>
              </a:spcAft>
              <a:buNone/>
              <a:defRPr sz="1600" b="1"/>
            </a:lvl9pPr>
          </a:lstStyle>
          <a:p>
            <a:pPr lvl="0"/>
            <a:r>
              <a:rPr lang="da-DK" noProof="0" dirty="0"/>
              <a:t>Klik for at indsætte navn</a:t>
            </a:r>
          </a:p>
        </p:txBody>
      </p:sp>
      <p:sp>
        <p:nvSpPr>
          <p:cNvPr id="20" name="Pladsholder til tekst titel">
            <a:extLst>
              <a:ext uri="{FF2B5EF4-FFF2-40B4-BE49-F238E27FC236}">
                <a16:creationId xmlns:a16="http://schemas.microsoft.com/office/drawing/2014/main" id="{C3209B5F-30C5-BE84-44CC-333585A3BF76}"/>
              </a:ext>
            </a:extLst>
          </p:cNvPr>
          <p:cNvSpPr>
            <a:spLocks noGrp="1"/>
          </p:cNvSpPr>
          <p:nvPr>
            <p:ph type="body" sz="quarter" idx="17" hasCustomPrompt="1"/>
          </p:nvPr>
        </p:nvSpPr>
        <p:spPr>
          <a:xfrm>
            <a:off x="3668454" y="5333589"/>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itel</a:t>
            </a:r>
          </a:p>
        </p:txBody>
      </p:sp>
      <p:sp>
        <p:nvSpPr>
          <p:cNvPr id="21" name="Pladsholder til tekst telefon">
            <a:extLst>
              <a:ext uri="{FF2B5EF4-FFF2-40B4-BE49-F238E27FC236}">
                <a16:creationId xmlns:a16="http://schemas.microsoft.com/office/drawing/2014/main" id="{BF5FABDB-6367-759E-E4F7-D8432A45C49A}"/>
              </a:ext>
            </a:extLst>
          </p:cNvPr>
          <p:cNvSpPr>
            <a:spLocks noGrp="1"/>
          </p:cNvSpPr>
          <p:nvPr>
            <p:ph type="body" sz="quarter" idx="18" hasCustomPrompt="1"/>
          </p:nvPr>
        </p:nvSpPr>
        <p:spPr>
          <a:xfrm>
            <a:off x="3668454" y="5568375"/>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elefon nr.</a:t>
            </a:r>
          </a:p>
        </p:txBody>
      </p:sp>
      <p:sp>
        <p:nvSpPr>
          <p:cNvPr id="22" name="Pladsholder til tekst email">
            <a:extLst>
              <a:ext uri="{FF2B5EF4-FFF2-40B4-BE49-F238E27FC236}">
                <a16:creationId xmlns:a16="http://schemas.microsoft.com/office/drawing/2014/main" id="{A40AE11C-8823-76DC-0AD3-9E6501850242}"/>
              </a:ext>
            </a:extLst>
          </p:cNvPr>
          <p:cNvSpPr>
            <a:spLocks noGrp="1"/>
          </p:cNvSpPr>
          <p:nvPr>
            <p:ph type="body" sz="quarter" idx="19" hasCustomPrompt="1"/>
          </p:nvPr>
        </p:nvSpPr>
        <p:spPr>
          <a:xfrm>
            <a:off x="3668454" y="5765452"/>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e-mail</a:t>
            </a:r>
          </a:p>
        </p:txBody>
      </p:sp>
      <p:sp>
        <p:nvSpPr>
          <p:cNvPr id="23" name="Pladsholder til tekst navn">
            <a:extLst>
              <a:ext uri="{FF2B5EF4-FFF2-40B4-BE49-F238E27FC236}">
                <a16:creationId xmlns:a16="http://schemas.microsoft.com/office/drawing/2014/main" id="{2ED3459A-AA83-0355-7B8C-61659F33B7CC}"/>
              </a:ext>
            </a:extLst>
          </p:cNvPr>
          <p:cNvSpPr>
            <a:spLocks noGrp="1"/>
          </p:cNvSpPr>
          <p:nvPr>
            <p:ph type="body" sz="quarter" idx="20" hasCustomPrompt="1"/>
          </p:nvPr>
        </p:nvSpPr>
        <p:spPr>
          <a:xfrm>
            <a:off x="7729276" y="5117657"/>
            <a:ext cx="3222000" cy="252000"/>
          </a:xfrm>
        </p:spPr>
        <p:txBody>
          <a:bodyPr/>
          <a:lstStyle>
            <a:lvl1pPr marL="0" indent="0">
              <a:lnSpc>
                <a:spcPct val="100000"/>
              </a:lnSpc>
              <a:spcAft>
                <a:spcPts val="0"/>
              </a:spcAft>
              <a:buNone/>
              <a:defRPr sz="1600" b="1"/>
            </a:lvl1pPr>
            <a:lvl2pPr marL="0" indent="0">
              <a:lnSpc>
                <a:spcPct val="100000"/>
              </a:lnSpc>
              <a:spcAft>
                <a:spcPts val="0"/>
              </a:spcAft>
              <a:buNone/>
              <a:defRPr sz="1600" b="1"/>
            </a:lvl2pPr>
            <a:lvl3pPr marL="0" indent="0">
              <a:lnSpc>
                <a:spcPct val="100000"/>
              </a:lnSpc>
              <a:spcAft>
                <a:spcPts val="0"/>
              </a:spcAft>
              <a:buNone/>
              <a:defRPr sz="1600" b="1"/>
            </a:lvl3pPr>
            <a:lvl4pPr marL="0">
              <a:lnSpc>
                <a:spcPct val="100000"/>
              </a:lnSpc>
              <a:spcAft>
                <a:spcPts val="0"/>
              </a:spcAft>
              <a:buNone/>
              <a:defRPr sz="1600" b="1"/>
            </a:lvl4pPr>
            <a:lvl5pPr marL="0">
              <a:lnSpc>
                <a:spcPct val="100000"/>
              </a:lnSpc>
              <a:spcAft>
                <a:spcPts val="0"/>
              </a:spcAft>
              <a:buNone/>
              <a:defRPr sz="1600" b="1"/>
            </a:lvl5pPr>
            <a:lvl6pPr marL="0" indent="0">
              <a:lnSpc>
                <a:spcPct val="100000"/>
              </a:lnSpc>
              <a:spcAft>
                <a:spcPts val="0"/>
              </a:spcAft>
              <a:buNone/>
              <a:defRPr sz="1600" b="1"/>
            </a:lvl6pPr>
            <a:lvl7pPr marL="0">
              <a:lnSpc>
                <a:spcPct val="100000"/>
              </a:lnSpc>
              <a:spcAft>
                <a:spcPts val="0"/>
              </a:spcAft>
              <a:buNone/>
              <a:defRPr sz="1600" b="1"/>
            </a:lvl7pPr>
            <a:lvl8pPr marL="0">
              <a:lnSpc>
                <a:spcPct val="100000"/>
              </a:lnSpc>
              <a:spcAft>
                <a:spcPts val="0"/>
              </a:spcAft>
              <a:buNone/>
              <a:defRPr sz="1600" b="1"/>
            </a:lvl8pPr>
            <a:lvl9pPr marL="0">
              <a:lnSpc>
                <a:spcPct val="100000"/>
              </a:lnSpc>
              <a:spcAft>
                <a:spcPts val="0"/>
              </a:spcAft>
              <a:buNone/>
              <a:defRPr sz="1600" b="1"/>
            </a:lvl9pPr>
          </a:lstStyle>
          <a:p>
            <a:pPr lvl="0"/>
            <a:r>
              <a:rPr lang="da-DK" noProof="0" dirty="0"/>
              <a:t>Klik for at indsætte navn</a:t>
            </a:r>
          </a:p>
        </p:txBody>
      </p:sp>
      <p:sp>
        <p:nvSpPr>
          <p:cNvPr id="24" name="Pladsholder til tekst titel">
            <a:extLst>
              <a:ext uri="{FF2B5EF4-FFF2-40B4-BE49-F238E27FC236}">
                <a16:creationId xmlns:a16="http://schemas.microsoft.com/office/drawing/2014/main" id="{829D7A4F-734B-839A-2375-E0154A4684B9}"/>
              </a:ext>
            </a:extLst>
          </p:cNvPr>
          <p:cNvSpPr>
            <a:spLocks noGrp="1"/>
          </p:cNvSpPr>
          <p:nvPr>
            <p:ph type="body" sz="quarter" idx="21" hasCustomPrompt="1"/>
          </p:nvPr>
        </p:nvSpPr>
        <p:spPr>
          <a:xfrm>
            <a:off x="7729276" y="5333589"/>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itel</a:t>
            </a:r>
          </a:p>
        </p:txBody>
      </p:sp>
      <p:sp>
        <p:nvSpPr>
          <p:cNvPr id="25" name="Pladsholder til tekst telefon">
            <a:extLst>
              <a:ext uri="{FF2B5EF4-FFF2-40B4-BE49-F238E27FC236}">
                <a16:creationId xmlns:a16="http://schemas.microsoft.com/office/drawing/2014/main" id="{8F488769-3123-F208-1EA9-05964E696AA1}"/>
              </a:ext>
            </a:extLst>
          </p:cNvPr>
          <p:cNvSpPr>
            <a:spLocks noGrp="1"/>
          </p:cNvSpPr>
          <p:nvPr>
            <p:ph type="body" sz="quarter" idx="22" hasCustomPrompt="1"/>
          </p:nvPr>
        </p:nvSpPr>
        <p:spPr>
          <a:xfrm>
            <a:off x="7729276" y="5568375"/>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elefon nr.</a:t>
            </a:r>
          </a:p>
        </p:txBody>
      </p:sp>
      <p:sp>
        <p:nvSpPr>
          <p:cNvPr id="26" name="Pladsholder til tekst email">
            <a:extLst>
              <a:ext uri="{FF2B5EF4-FFF2-40B4-BE49-F238E27FC236}">
                <a16:creationId xmlns:a16="http://schemas.microsoft.com/office/drawing/2014/main" id="{F6F6DEF3-65D9-C270-60ED-08A37C620A66}"/>
              </a:ext>
            </a:extLst>
          </p:cNvPr>
          <p:cNvSpPr>
            <a:spLocks noGrp="1"/>
          </p:cNvSpPr>
          <p:nvPr>
            <p:ph type="body" sz="quarter" idx="23" hasCustomPrompt="1"/>
          </p:nvPr>
        </p:nvSpPr>
        <p:spPr>
          <a:xfrm>
            <a:off x="7729276" y="5765452"/>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e-mail</a:t>
            </a:r>
          </a:p>
        </p:txBody>
      </p:sp>
    </p:spTree>
    <p:extLst>
      <p:ext uri="{BB962C8B-B14F-4D97-AF65-F5344CB8AC3E}">
        <p14:creationId xmlns:p14="http://schemas.microsoft.com/office/powerpoint/2010/main" val="262076471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8 Kontaktpersoner">
    <p:bg>
      <p:bgPr>
        <a:solidFill>
          <a:schemeClr val="bg2"/>
        </a:solidFill>
        <a:effectLst/>
      </p:bgPr>
    </p:bg>
    <p:spTree>
      <p:nvGrpSpPr>
        <p:cNvPr id="1" name=""/>
        <p:cNvGrpSpPr/>
        <p:nvPr/>
      </p:nvGrpSpPr>
      <p:grpSpPr>
        <a:xfrm>
          <a:off x="0" y="0"/>
          <a:ext cx="0" cy="0"/>
          <a:chOff x="0" y="0"/>
          <a:chExt cx="0" cy="0"/>
        </a:xfrm>
      </p:grpSpPr>
      <p:sp>
        <p:nvSpPr>
          <p:cNvPr id="4" name="Pladsholder til dato 3" hidden="1">
            <a:extLst>
              <a:ext uri="{FF2B5EF4-FFF2-40B4-BE49-F238E27FC236}">
                <a16:creationId xmlns:a16="http://schemas.microsoft.com/office/drawing/2014/main" id="{61C79CF3-B631-E8E3-051D-72B58828B346}"/>
              </a:ext>
            </a:extLst>
          </p:cNvPr>
          <p:cNvSpPr>
            <a:spLocks noGrp="1"/>
          </p:cNvSpPr>
          <p:nvPr>
            <p:ph type="dt" sz="half" idx="11"/>
          </p:nvPr>
        </p:nvSpPr>
        <p:spPr>
          <a:xfrm>
            <a:off x="0" y="6858000"/>
            <a:ext cx="0" cy="0"/>
          </a:xfrm>
          <a:prstGeom prst="rect">
            <a:avLst/>
          </a:prstGeom>
        </p:spPr>
        <p:txBody>
          <a:bodyPr/>
          <a:lstStyle/>
          <a:p>
            <a:fld id="{F62E5546-1801-4FB6-A052-41D15CA0BB48}" type="datetime2">
              <a:rPr lang="da-DK" smtClean="0"/>
              <a:t>30. maj 2025</a:t>
            </a:fld>
            <a:endParaRPr lang="da-DK" dirty="0"/>
          </a:p>
        </p:txBody>
      </p:sp>
      <p:sp>
        <p:nvSpPr>
          <p:cNvPr id="5" name="Pladsholder til sidefod 4" hidden="1">
            <a:extLst>
              <a:ext uri="{FF2B5EF4-FFF2-40B4-BE49-F238E27FC236}">
                <a16:creationId xmlns:a16="http://schemas.microsoft.com/office/drawing/2014/main" id="{54C20659-2A5B-B635-28CC-577FCE585D87}"/>
              </a:ext>
            </a:extLst>
          </p:cNvPr>
          <p:cNvSpPr>
            <a:spLocks noGrp="1"/>
          </p:cNvSpPr>
          <p:nvPr>
            <p:ph type="ftr" sz="quarter" idx="12"/>
          </p:nvPr>
        </p:nvSpPr>
        <p:spPr>
          <a:xfrm>
            <a:off x="0" y="6858000"/>
            <a:ext cx="0" cy="0"/>
          </a:xfrm>
          <a:prstGeom prst="rect">
            <a:avLst/>
          </a:prstGeom>
        </p:spPr>
        <p:txBody>
          <a:bodyPr/>
          <a:lstStyle/>
          <a:p>
            <a:endParaRPr lang="da-DK" dirty="0"/>
          </a:p>
        </p:txBody>
      </p:sp>
      <p:sp>
        <p:nvSpPr>
          <p:cNvPr id="3" name="Pladsholder til slidenummer 2" hidden="1">
            <a:extLst>
              <a:ext uri="{FF2B5EF4-FFF2-40B4-BE49-F238E27FC236}">
                <a16:creationId xmlns:a16="http://schemas.microsoft.com/office/drawing/2014/main" id="{8A2E37A7-0865-5D9D-8070-D263D29272F5}"/>
              </a:ext>
            </a:extLst>
          </p:cNvPr>
          <p:cNvSpPr>
            <a:spLocks noGrp="1"/>
          </p:cNvSpPr>
          <p:nvPr>
            <p:ph type="sldNum" sz="quarter" idx="10"/>
          </p:nvPr>
        </p:nvSpPr>
        <p:spPr>
          <a:xfrm>
            <a:off x="0" y="6858000"/>
            <a:ext cx="0" cy="0"/>
          </a:xfrm>
          <a:prstGeom prst="rect">
            <a:avLst/>
          </a:prstGeom>
        </p:spPr>
        <p:txBody>
          <a:bodyPr/>
          <a:lstStyle/>
          <a:p>
            <a:fld id="{24C8C45C-947F-4981-8B3F-4F32E973C901}" type="slidenum">
              <a:rPr lang="da-DK" smtClean="0"/>
              <a:pPr/>
              <a:t>‹#›</a:t>
            </a:fld>
            <a:endParaRPr lang="da-DK" dirty="0"/>
          </a:p>
        </p:txBody>
      </p:sp>
      <p:pic>
        <p:nvPicPr>
          <p:cNvPr id="10" name="grid småt" descr="Et billede, der indeholder tekst, skærmbillede, linje/række, Font/skrifttype&#10;&#10;Automatisk genereret beskrivelse" hidden="1">
            <a:extLst>
              <a:ext uri="{FF2B5EF4-FFF2-40B4-BE49-F238E27FC236}">
                <a16:creationId xmlns:a16="http://schemas.microsoft.com/office/drawing/2014/main" id="{3295CEEC-B8A1-194B-1079-0770A0029A60}"/>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Lst>
          </a:blip>
          <a:stretch>
            <a:fillRect/>
          </a:stretch>
        </p:blipFill>
        <p:spPr>
          <a:xfrm>
            <a:off x="0" y="363"/>
            <a:ext cx="12192000" cy="6857274"/>
          </a:xfrm>
          <a:prstGeom prst="rect">
            <a:avLst/>
          </a:prstGeom>
        </p:spPr>
      </p:pic>
      <p:pic>
        <p:nvPicPr>
          <p:cNvPr id="6" name="smid ud" hidden="1">
            <a:extLst>
              <a:ext uri="{FF2B5EF4-FFF2-40B4-BE49-F238E27FC236}">
                <a16:creationId xmlns:a16="http://schemas.microsoft.com/office/drawing/2014/main" id="{D011A325-68FE-5D85-4280-E37E0F9185A7}"/>
              </a:ext>
            </a:extLst>
          </p:cNvPr>
          <p:cNvPicPr>
            <a:picLocks noGrp="1" noRot="1" noChangeAspect="1" noMove="1" noResize="1" noEditPoints="1" noAdjustHandles="1" noChangeArrowheads="1" noChangeShapeType="1" noCrop="1"/>
          </p:cNvPicPr>
          <p:nvPr userDrawn="1"/>
        </p:nvPicPr>
        <p:blipFill>
          <a:blip r:embed="rId3">
            <a:extLst>
              <a:ext uri="{28A0092B-C50C-407E-A947-70E740481C1C}">
                <a14:useLocalDpi xmlns:a14="http://schemas.microsoft.com/office/drawing/2010/main" val="0"/>
              </a:ext>
            </a:extLst>
          </a:blip>
          <a:srcRect/>
          <a:stretch/>
        </p:blipFill>
        <p:spPr>
          <a:xfrm>
            <a:off x="763" y="428"/>
            <a:ext cx="12190474" cy="6857141"/>
          </a:xfrm>
          <a:prstGeom prst="rect">
            <a:avLst/>
          </a:prstGeom>
        </p:spPr>
      </p:pic>
      <p:sp>
        <p:nvSpPr>
          <p:cNvPr id="29" name="Billedepladsholder 1">
            <a:extLst>
              <a:ext uri="{FF2B5EF4-FFF2-40B4-BE49-F238E27FC236}">
                <a16:creationId xmlns:a16="http://schemas.microsoft.com/office/drawing/2014/main" id="{6971982E-4974-B284-D383-CBBB77B6EBCA}"/>
              </a:ext>
            </a:extLst>
          </p:cNvPr>
          <p:cNvSpPr>
            <a:spLocks noGrp="1"/>
          </p:cNvSpPr>
          <p:nvPr>
            <p:ph type="pic" sz="quarter" idx="14" hasCustomPrompt="1"/>
          </p:nvPr>
        </p:nvSpPr>
        <p:spPr>
          <a:xfrm>
            <a:off x="3683274"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p>
        </p:txBody>
      </p:sp>
      <p:sp>
        <p:nvSpPr>
          <p:cNvPr id="30" name="Billedepladsholder 2">
            <a:extLst>
              <a:ext uri="{FF2B5EF4-FFF2-40B4-BE49-F238E27FC236}">
                <a16:creationId xmlns:a16="http://schemas.microsoft.com/office/drawing/2014/main" id="{88034DEB-A09C-B6AF-72F4-7AF1DCE52921}"/>
              </a:ext>
            </a:extLst>
          </p:cNvPr>
          <p:cNvSpPr>
            <a:spLocks noGrp="1"/>
          </p:cNvSpPr>
          <p:nvPr>
            <p:ph type="pic" sz="quarter" idx="20" hasCustomPrompt="1"/>
          </p:nvPr>
        </p:nvSpPr>
        <p:spPr>
          <a:xfrm>
            <a:off x="5715842"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p>
        </p:txBody>
      </p:sp>
      <p:sp>
        <p:nvSpPr>
          <p:cNvPr id="35" name="Billedepladsholder 3">
            <a:extLst>
              <a:ext uri="{FF2B5EF4-FFF2-40B4-BE49-F238E27FC236}">
                <a16:creationId xmlns:a16="http://schemas.microsoft.com/office/drawing/2014/main" id="{1DB3B329-EFF8-2CE9-D20C-F0741A1FB845}"/>
              </a:ext>
            </a:extLst>
          </p:cNvPr>
          <p:cNvSpPr>
            <a:spLocks noGrp="1"/>
          </p:cNvSpPr>
          <p:nvPr>
            <p:ph type="pic" sz="quarter" idx="25" hasCustomPrompt="1"/>
          </p:nvPr>
        </p:nvSpPr>
        <p:spPr>
          <a:xfrm>
            <a:off x="7748000"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p>
        </p:txBody>
      </p:sp>
      <p:sp>
        <p:nvSpPr>
          <p:cNvPr id="40" name="Billedepladsholder 5">
            <a:extLst>
              <a:ext uri="{FF2B5EF4-FFF2-40B4-BE49-F238E27FC236}">
                <a16:creationId xmlns:a16="http://schemas.microsoft.com/office/drawing/2014/main" id="{7F28C2A1-E2A7-AE2A-97D4-D330E0F8F1E9}"/>
              </a:ext>
            </a:extLst>
          </p:cNvPr>
          <p:cNvSpPr>
            <a:spLocks noGrp="1"/>
          </p:cNvSpPr>
          <p:nvPr>
            <p:ph type="pic" sz="quarter" idx="30" hasCustomPrompt="1"/>
          </p:nvPr>
        </p:nvSpPr>
        <p:spPr>
          <a:xfrm>
            <a:off x="9780977"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p>
        </p:txBody>
      </p:sp>
      <p:sp>
        <p:nvSpPr>
          <p:cNvPr id="45" name="Billedepladsholder 6">
            <a:extLst>
              <a:ext uri="{FF2B5EF4-FFF2-40B4-BE49-F238E27FC236}">
                <a16:creationId xmlns:a16="http://schemas.microsoft.com/office/drawing/2014/main" id="{F8A4C92D-38AF-FA22-470D-D6C5CCBBAE30}"/>
              </a:ext>
            </a:extLst>
          </p:cNvPr>
          <p:cNvSpPr>
            <a:spLocks noGrp="1"/>
          </p:cNvSpPr>
          <p:nvPr>
            <p:ph type="pic" sz="quarter" idx="35" hasCustomPrompt="1"/>
          </p:nvPr>
        </p:nvSpPr>
        <p:spPr>
          <a:xfrm>
            <a:off x="3683274"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p>
        </p:txBody>
      </p:sp>
      <p:sp>
        <p:nvSpPr>
          <p:cNvPr id="46" name="Billedepladsholder 7">
            <a:extLst>
              <a:ext uri="{FF2B5EF4-FFF2-40B4-BE49-F238E27FC236}">
                <a16:creationId xmlns:a16="http://schemas.microsoft.com/office/drawing/2014/main" id="{37DD0963-1982-A82D-5AF0-58D686B8C0FB}"/>
              </a:ext>
            </a:extLst>
          </p:cNvPr>
          <p:cNvSpPr>
            <a:spLocks noGrp="1"/>
          </p:cNvSpPr>
          <p:nvPr>
            <p:ph type="pic" sz="quarter" idx="36" hasCustomPrompt="1"/>
          </p:nvPr>
        </p:nvSpPr>
        <p:spPr>
          <a:xfrm>
            <a:off x="5715842"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p>
        </p:txBody>
      </p:sp>
      <p:sp>
        <p:nvSpPr>
          <p:cNvPr id="47" name="Billedepladsholder 8">
            <a:extLst>
              <a:ext uri="{FF2B5EF4-FFF2-40B4-BE49-F238E27FC236}">
                <a16:creationId xmlns:a16="http://schemas.microsoft.com/office/drawing/2014/main" id="{14A5FC0D-0172-3D1B-D51C-AA39B361A595}"/>
              </a:ext>
            </a:extLst>
          </p:cNvPr>
          <p:cNvSpPr>
            <a:spLocks noGrp="1"/>
          </p:cNvSpPr>
          <p:nvPr>
            <p:ph type="pic" sz="quarter" idx="37" hasCustomPrompt="1"/>
          </p:nvPr>
        </p:nvSpPr>
        <p:spPr>
          <a:xfrm>
            <a:off x="7748000"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p>
        </p:txBody>
      </p:sp>
      <p:sp>
        <p:nvSpPr>
          <p:cNvPr id="48" name="Billedepladsholder 9">
            <a:extLst>
              <a:ext uri="{FF2B5EF4-FFF2-40B4-BE49-F238E27FC236}">
                <a16:creationId xmlns:a16="http://schemas.microsoft.com/office/drawing/2014/main" id="{04BFF730-C1A6-26B6-7312-FB7186980B2E}"/>
              </a:ext>
            </a:extLst>
          </p:cNvPr>
          <p:cNvSpPr>
            <a:spLocks noGrp="1"/>
          </p:cNvSpPr>
          <p:nvPr>
            <p:ph type="pic" sz="quarter" idx="38" hasCustomPrompt="1"/>
          </p:nvPr>
        </p:nvSpPr>
        <p:spPr>
          <a:xfrm>
            <a:off x="9780977"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p>
        </p:txBody>
      </p:sp>
      <p:sp>
        <p:nvSpPr>
          <p:cNvPr id="2" name="Titel 1">
            <a:extLst>
              <a:ext uri="{FF2B5EF4-FFF2-40B4-BE49-F238E27FC236}">
                <a16:creationId xmlns:a16="http://schemas.microsoft.com/office/drawing/2014/main" id="{9F85D3E7-D4BC-7BF4-9267-EBAA80F11F25}"/>
              </a:ext>
            </a:extLst>
          </p:cNvPr>
          <p:cNvSpPr>
            <a:spLocks noGrp="1"/>
          </p:cNvSpPr>
          <p:nvPr>
            <p:ph type="title" hasCustomPrompt="1"/>
          </p:nvPr>
        </p:nvSpPr>
        <p:spPr>
          <a:xfrm>
            <a:off x="648000" y="648000"/>
            <a:ext cx="10897200" cy="600697"/>
          </a:xfrm>
        </p:spPr>
        <p:txBody>
          <a:bodyPr/>
          <a:lstStyle>
            <a:lvl1pPr>
              <a:defRPr/>
            </a:lvl1pPr>
          </a:lstStyle>
          <a:p>
            <a:r>
              <a:rPr lang="da-DK" dirty="0"/>
              <a:t>Klik for at indsætte Kontaktpersoner</a:t>
            </a:r>
          </a:p>
        </p:txBody>
      </p:sp>
      <p:sp>
        <p:nvSpPr>
          <p:cNvPr id="8" name="Pladsholder til tekst 7">
            <a:extLst>
              <a:ext uri="{FF2B5EF4-FFF2-40B4-BE49-F238E27FC236}">
                <a16:creationId xmlns:a16="http://schemas.microsoft.com/office/drawing/2014/main" id="{3EE981BC-DD1C-C0DC-77DB-4FB9211CC57D}"/>
              </a:ext>
            </a:extLst>
          </p:cNvPr>
          <p:cNvSpPr>
            <a:spLocks noGrp="1"/>
          </p:cNvSpPr>
          <p:nvPr>
            <p:ph type="body" sz="quarter" idx="13" hasCustomPrompt="1"/>
          </p:nvPr>
        </p:nvSpPr>
        <p:spPr>
          <a:xfrm>
            <a:off x="647700" y="1501897"/>
            <a:ext cx="1858963" cy="2160000"/>
          </a:xfrm>
        </p:spPr>
        <p:txBody>
          <a:bodyPr/>
          <a:lstStyle>
            <a:lvl1pPr marL="0" indent="0">
              <a:lnSpc>
                <a:spcPct val="100000"/>
              </a:lnSpc>
              <a:spcAft>
                <a:spcPts val="600"/>
              </a:spcAft>
              <a:buFont typeface="Arial" panose="020B0604020202020204" pitchFamily="34" charset="0"/>
              <a:buChar char="​"/>
              <a:defRPr sz="1000"/>
            </a:lvl1pPr>
            <a:lvl2pPr marL="0" indent="0">
              <a:lnSpc>
                <a:spcPct val="100000"/>
              </a:lnSpc>
              <a:spcAft>
                <a:spcPts val="0"/>
              </a:spcAft>
              <a:buFont typeface="Arial" panose="020B0604020202020204" pitchFamily="34" charset="0"/>
              <a:buChar char="​"/>
              <a:defRPr sz="1000" b="1"/>
            </a:lvl2pPr>
            <a:lvl3pPr marL="90000" indent="-90000">
              <a:lnSpc>
                <a:spcPct val="100000"/>
              </a:lnSpc>
              <a:spcAft>
                <a:spcPts val="600"/>
              </a:spcAft>
              <a:defRPr sz="1000"/>
            </a:lvl3pPr>
            <a:lvl4pPr marL="180000" indent="-90000">
              <a:lnSpc>
                <a:spcPct val="100000"/>
              </a:lnSpc>
              <a:spcAft>
                <a:spcPts val="600"/>
              </a:spcAft>
              <a:buFont typeface="Arial" panose="020B0604020202020204" pitchFamily="34" charset="0"/>
              <a:buChar char="•"/>
              <a:defRPr sz="1000" b="0"/>
            </a:lvl4pPr>
            <a:lvl5pPr marL="270000" indent="-90000">
              <a:lnSpc>
                <a:spcPct val="100000"/>
              </a:lnSpc>
              <a:spcAft>
                <a:spcPts val="600"/>
              </a:spcAft>
              <a:buFont typeface="Arial" panose="020B0604020202020204" pitchFamily="34" charset="0"/>
              <a:buChar char="•"/>
              <a:defRPr sz="1000"/>
            </a:lvl5pPr>
            <a:lvl6pPr marL="180000" indent="-180000">
              <a:lnSpc>
                <a:spcPct val="93000"/>
              </a:lnSpc>
              <a:spcAft>
                <a:spcPts val="600"/>
              </a:spcAft>
              <a:defRPr sz="2000"/>
            </a:lvl6pPr>
            <a:lvl7pPr>
              <a:lnSpc>
                <a:spcPct val="93000"/>
              </a:lnSpc>
              <a:spcAft>
                <a:spcPts val="0"/>
              </a:spcAft>
              <a:defRPr sz="2000"/>
            </a:lvl7pPr>
            <a:lvl8pPr>
              <a:lnSpc>
                <a:spcPct val="93000"/>
              </a:lnSpc>
              <a:spcAft>
                <a:spcPts val="1200"/>
              </a:spcAft>
              <a:defRPr sz="2000"/>
            </a:lvl8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a:p>
            <a:pPr lvl="5"/>
            <a:r>
              <a:rPr lang="da-DK" noProof="0" dirty="0"/>
              <a:t>6 Niveau</a:t>
            </a:r>
          </a:p>
          <a:p>
            <a:pPr lvl="6"/>
            <a:r>
              <a:rPr lang="da-DK" noProof="0" dirty="0"/>
              <a:t>7 Niveau</a:t>
            </a:r>
          </a:p>
          <a:p>
            <a:pPr lvl="7"/>
            <a:r>
              <a:rPr lang="da-DK" noProof="0" dirty="0"/>
              <a:t>8 Niveau</a:t>
            </a:r>
          </a:p>
          <a:p>
            <a:pPr lvl="8"/>
            <a:r>
              <a:rPr lang="da-DK" noProof="0" dirty="0"/>
              <a:t>9</a:t>
            </a:r>
          </a:p>
        </p:txBody>
      </p:sp>
      <p:sp>
        <p:nvSpPr>
          <p:cNvPr id="19" name="Pladsholder til tekst navn">
            <a:extLst>
              <a:ext uri="{FF2B5EF4-FFF2-40B4-BE49-F238E27FC236}">
                <a16:creationId xmlns:a16="http://schemas.microsoft.com/office/drawing/2014/main" id="{DDEC23B9-63B1-8BA7-FB58-088997549115}"/>
              </a:ext>
            </a:extLst>
          </p:cNvPr>
          <p:cNvSpPr>
            <a:spLocks noGrp="1"/>
          </p:cNvSpPr>
          <p:nvPr>
            <p:ph type="body" sz="quarter" idx="16" hasCustomPrompt="1"/>
          </p:nvPr>
        </p:nvSpPr>
        <p:spPr>
          <a:xfrm>
            <a:off x="3683274"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p>
        </p:txBody>
      </p:sp>
      <p:sp>
        <p:nvSpPr>
          <p:cNvPr id="20" name="Pladsholder til tekst titel">
            <a:extLst>
              <a:ext uri="{FF2B5EF4-FFF2-40B4-BE49-F238E27FC236}">
                <a16:creationId xmlns:a16="http://schemas.microsoft.com/office/drawing/2014/main" id="{C3209B5F-30C5-BE84-44CC-333585A3BF76}"/>
              </a:ext>
            </a:extLst>
          </p:cNvPr>
          <p:cNvSpPr>
            <a:spLocks noGrp="1"/>
          </p:cNvSpPr>
          <p:nvPr>
            <p:ph type="body" sz="quarter" idx="17" hasCustomPrompt="1"/>
          </p:nvPr>
        </p:nvSpPr>
        <p:spPr>
          <a:xfrm>
            <a:off x="3683274"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p>
        </p:txBody>
      </p:sp>
      <p:sp>
        <p:nvSpPr>
          <p:cNvPr id="21" name="Pladsholder til tekst telefon">
            <a:extLst>
              <a:ext uri="{FF2B5EF4-FFF2-40B4-BE49-F238E27FC236}">
                <a16:creationId xmlns:a16="http://schemas.microsoft.com/office/drawing/2014/main" id="{BF5FABDB-6367-759E-E4F7-D8432A45C49A}"/>
              </a:ext>
            </a:extLst>
          </p:cNvPr>
          <p:cNvSpPr>
            <a:spLocks noGrp="1"/>
          </p:cNvSpPr>
          <p:nvPr>
            <p:ph type="body" sz="quarter" idx="18" hasCustomPrompt="1"/>
          </p:nvPr>
        </p:nvSpPr>
        <p:spPr>
          <a:xfrm>
            <a:off x="3683274"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p>
        </p:txBody>
      </p:sp>
      <p:sp>
        <p:nvSpPr>
          <p:cNvPr id="22" name="Pladsholder til tekst email">
            <a:extLst>
              <a:ext uri="{FF2B5EF4-FFF2-40B4-BE49-F238E27FC236}">
                <a16:creationId xmlns:a16="http://schemas.microsoft.com/office/drawing/2014/main" id="{A40AE11C-8823-76DC-0AD3-9E6501850242}"/>
              </a:ext>
            </a:extLst>
          </p:cNvPr>
          <p:cNvSpPr>
            <a:spLocks noGrp="1"/>
          </p:cNvSpPr>
          <p:nvPr>
            <p:ph type="body" sz="quarter" idx="19" hasCustomPrompt="1"/>
          </p:nvPr>
        </p:nvSpPr>
        <p:spPr>
          <a:xfrm>
            <a:off x="3683274"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p>
        </p:txBody>
      </p:sp>
      <p:sp>
        <p:nvSpPr>
          <p:cNvPr id="31" name="Pladsholder til tekst navn">
            <a:extLst>
              <a:ext uri="{FF2B5EF4-FFF2-40B4-BE49-F238E27FC236}">
                <a16:creationId xmlns:a16="http://schemas.microsoft.com/office/drawing/2014/main" id="{7AF5FC5F-69FC-D428-5BE7-9370B292F759}"/>
              </a:ext>
            </a:extLst>
          </p:cNvPr>
          <p:cNvSpPr>
            <a:spLocks noGrp="1"/>
          </p:cNvSpPr>
          <p:nvPr>
            <p:ph type="body" sz="quarter" idx="21" hasCustomPrompt="1"/>
          </p:nvPr>
        </p:nvSpPr>
        <p:spPr>
          <a:xfrm>
            <a:off x="5715842"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p>
        </p:txBody>
      </p:sp>
      <p:sp>
        <p:nvSpPr>
          <p:cNvPr id="32" name="Pladsholder til tekst titel">
            <a:extLst>
              <a:ext uri="{FF2B5EF4-FFF2-40B4-BE49-F238E27FC236}">
                <a16:creationId xmlns:a16="http://schemas.microsoft.com/office/drawing/2014/main" id="{303419BD-1ACC-9F1C-2C65-AAE5BD24242F}"/>
              </a:ext>
            </a:extLst>
          </p:cNvPr>
          <p:cNvSpPr>
            <a:spLocks noGrp="1"/>
          </p:cNvSpPr>
          <p:nvPr>
            <p:ph type="body" sz="quarter" idx="22" hasCustomPrompt="1"/>
          </p:nvPr>
        </p:nvSpPr>
        <p:spPr>
          <a:xfrm>
            <a:off x="5715842"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p>
        </p:txBody>
      </p:sp>
      <p:sp>
        <p:nvSpPr>
          <p:cNvPr id="33" name="Pladsholder til tekst telefon">
            <a:extLst>
              <a:ext uri="{FF2B5EF4-FFF2-40B4-BE49-F238E27FC236}">
                <a16:creationId xmlns:a16="http://schemas.microsoft.com/office/drawing/2014/main" id="{4B8F2474-8241-8548-EA98-CE6CA98B3C7E}"/>
              </a:ext>
            </a:extLst>
          </p:cNvPr>
          <p:cNvSpPr>
            <a:spLocks noGrp="1"/>
          </p:cNvSpPr>
          <p:nvPr>
            <p:ph type="body" sz="quarter" idx="23" hasCustomPrompt="1"/>
          </p:nvPr>
        </p:nvSpPr>
        <p:spPr>
          <a:xfrm>
            <a:off x="5715842"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p>
        </p:txBody>
      </p:sp>
      <p:sp>
        <p:nvSpPr>
          <p:cNvPr id="34" name="Pladsholder til tekst email">
            <a:extLst>
              <a:ext uri="{FF2B5EF4-FFF2-40B4-BE49-F238E27FC236}">
                <a16:creationId xmlns:a16="http://schemas.microsoft.com/office/drawing/2014/main" id="{D50DCBDA-5CB8-CCDF-2907-82D11E830C4A}"/>
              </a:ext>
            </a:extLst>
          </p:cNvPr>
          <p:cNvSpPr>
            <a:spLocks noGrp="1"/>
          </p:cNvSpPr>
          <p:nvPr>
            <p:ph type="body" sz="quarter" idx="24" hasCustomPrompt="1"/>
          </p:nvPr>
        </p:nvSpPr>
        <p:spPr>
          <a:xfrm>
            <a:off x="5715842"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p>
        </p:txBody>
      </p:sp>
      <p:sp>
        <p:nvSpPr>
          <p:cNvPr id="36" name="Pladsholder til tekst navn">
            <a:extLst>
              <a:ext uri="{FF2B5EF4-FFF2-40B4-BE49-F238E27FC236}">
                <a16:creationId xmlns:a16="http://schemas.microsoft.com/office/drawing/2014/main" id="{920160E7-6ED1-3E72-227F-E94236A4C6CE}"/>
              </a:ext>
            </a:extLst>
          </p:cNvPr>
          <p:cNvSpPr>
            <a:spLocks noGrp="1"/>
          </p:cNvSpPr>
          <p:nvPr>
            <p:ph type="body" sz="quarter" idx="26" hasCustomPrompt="1"/>
          </p:nvPr>
        </p:nvSpPr>
        <p:spPr>
          <a:xfrm>
            <a:off x="7748000"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p>
        </p:txBody>
      </p:sp>
      <p:sp>
        <p:nvSpPr>
          <p:cNvPr id="37" name="Pladsholder til tekst titel">
            <a:extLst>
              <a:ext uri="{FF2B5EF4-FFF2-40B4-BE49-F238E27FC236}">
                <a16:creationId xmlns:a16="http://schemas.microsoft.com/office/drawing/2014/main" id="{DF65F25A-90E8-EE26-D6F7-843E85CEBC2F}"/>
              </a:ext>
            </a:extLst>
          </p:cNvPr>
          <p:cNvSpPr>
            <a:spLocks noGrp="1"/>
          </p:cNvSpPr>
          <p:nvPr>
            <p:ph type="body" sz="quarter" idx="27" hasCustomPrompt="1"/>
          </p:nvPr>
        </p:nvSpPr>
        <p:spPr>
          <a:xfrm>
            <a:off x="7748000"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p>
        </p:txBody>
      </p:sp>
      <p:sp>
        <p:nvSpPr>
          <p:cNvPr id="38" name="Pladsholder til tekst telefon">
            <a:extLst>
              <a:ext uri="{FF2B5EF4-FFF2-40B4-BE49-F238E27FC236}">
                <a16:creationId xmlns:a16="http://schemas.microsoft.com/office/drawing/2014/main" id="{A331EDAB-58A2-28AD-89F9-41103F16EAF9}"/>
              </a:ext>
            </a:extLst>
          </p:cNvPr>
          <p:cNvSpPr>
            <a:spLocks noGrp="1"/>
          </p:cNvSpPr>
          <p:nvPr>
            <p:ph type="body" sz="quarter" idx="28" hasCustomPrompt="1"/>
          </p:nvPr>
        </p:nvSpPr>
        <p:spPr>
          <a:xfrm>
            <a:off x="7748000"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p>
        </p:txBody>
      </p:sp>
      <p:sp>
        <p:nvSpPr>
          <p:cNvPr id="39" name="Pladsholder til tekst email">
            <a:extLst>
              <a:ext uri="{FF2B5EF4-FFF2-40B4-BE49-F238E27FC236}">
                <a16:creationId xmlns:a16="http://schemas.microsoft.com/office/drawing/2014/main" id="{E9A7C2BF-43A6-509A-B1BD-CBFA75CA3FF8}"/>
              </a:ext>
            </a:extLst>
          </p:cNvPr>
          <p:cNvSpPr>
            <a:spLocks noGrp="1"/>
          </p:cNvSpPr>
          <p:nvPr>
            <p:ph type="body" sz="quarter" idx="29" hasCustomPrompt="1"/>
          </p:nvPr>
        </p:nvSpPr>
        <p:spPr>
          <a:xfrm>
            <a:off x="7748000"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p>
        </p:txBody>
      </p:sp>
      <p:sp>
        <p:nvSpPr>
          <p:cNvPr id="41" name="Pladsholder til tekst navn">
            <a:extLst>
              <a:ext uri="{FF2B5EF4-FFF2-40B4-BE49-F238E27FC236}">
                <a16:creationId xmlns:a16="http://schemas.microsoft.com/office/drawing/2014/main" id="{89E01B39-9686-2A85-4C6C-A71C2DDF751C}"/>
              </a:ext>
            </a:extLst>
          </p:cNvPr>
          <p:cNvSpPr>
            <a:spLocks noGrp="1"/>
          </p:cNvSpPr>
          <p:nvPr>
            <p:ph type="body" sz="quarter" idx="31" hasCustomPrompt="1"/>
          </p:nvPr>
        </p:nvSpPr>
        <p:spPr>
          <a:xfrm>
            <a:off x="9780977"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p>
        </p:txBody>
      </p:sp>
      <p:sp>
        <p:nvSpPr>
          <p:cNvPr id="42" name="Pladsholder til tekst titel">
            <a:extLst>
              <a:ext uri="{FF2B5EF4-FFF2-40B4-BE49-F238E27FC236}">
                <a16:creationId xmlns:a16="http://schemas.microsoft.com/office/drawing/2014/main" id="{7E736C66-F9F4-38BD-4566-82A58A9D1B31}"/>
              </a:ext>
            </a:extLst>
          </p:cNvPr>
          <p:cNvSpPr>
            <a:spLocks noGrp="1"/>
          </p:cNvSpPr>
          <p:nvPr>
            <p:ph type="body" sz="quarter" idx="32" hasCustomPrompt="1"/>
          </p:nvPr>
        </p:nvSpPr>
        <p:spPr>
          <a:xfrm>
            <a:off x="9780977"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p>
        </p:txBody>
      </p:sp>
      <p:sp>
        <p:nvSpPr>
          <p:cNvPr id="43" name="Pladsholder til tekst telefon">
            <a:extLst>
              <a:ext uri="{FF2B5EF4-FFF2-40B4-BE49-F238E27FC236}">
                <a16:creationId xmlns:a16="http://schemas.microsoft.com/office/drawing/2014/main" id="{4C1F4AC3-BC20-CEB5-62E5-4FF7C4085A15}"/>
              </a:ext>
            </a:extLst>
          </p:cNvPr>
          <p:cNvSpPr>
            <a:spLocks noGrp="1"/>
          </p:cNvSpPr>
          <p:nvPr>
            <p:ph type="body" sz="quarter" idx="33" hasCustomPrompt="1"/>
          </p:nvPr>
        </p:nvSpPr>
        <p:spPr>
          <a:xfrm>
            <a:off x="9780977"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p>
        </p:txBody>
      </p:sp>
      <p:sp>
        <p:nvSpPr>
          <p:cNvPr id="44" name="Pladsholder til tekst email">
            <a:extLst>
              <a:ext uri="{FF2B5EF4-FFF2-40B4-BE49-F238E27FC236}">
                <a16:creationId xmlns:a16="http://schemas.microsoft.com/office/drawing/2014/main" id="{9174F344-0B5E-994B-E79C-9E0BB38E7275}"/>
              </a:ext>
            </a:extLst>
          </p:cNvPr>
          <p:cNvSpPr>
            <a:spLocks noGrp="1"/>
          </p:cNvSpPr>
          <p:nvPr>
            <p:ph type="body" sz="quarter" idx="34" hasCustomPrompt="1"/>
          </p:nvPr>
        </p:nvSpPr>
        <p:spPr>
          <a:xfrm>
            <a:off x="9780977"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p>
        </p:txBody>
      </p:sp>
      <p:sp>
        <p:nvSpPr>
          <p:cNvPr id="49" name="Pladsholder til tekst navn">
            <a:extLst>
              <a:ext uri="{FF2B5EF4-FFF2-40B4-BE49-F238E27FC236}">
                <a16:creationId xmlns:a16="http://schemas.microsoft.com/office/drawing/2014/main" id="{8432BB7C-8FF8-4C5B-1D49-F4C91B849C5F}"/>
              </a:ext>
            </a:extLst>
          </p:cNvPr>
          <p:cNvSpPr>
            <a:spLocks noGrp="1"/>
          </p:cNvSpPr>
          <p:nvPr>
            <p:ph type="body" sz="quarter" idx="39" hasCustomPrompt="1"/>
          </p:nvPr>
        </p:nvSpPr>
        <p:spPr>
          <a:xfrm>
            <a:off x="3683274"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p>
        </p:txBody>
      </p:sp>
      <p:sp>
        <p:nvSpPr>
          <p:cNvPr id="50" name="Pladsholder til tekst titel">
            <a:extLst>
              <a:ext uri="{FF2B5EF4-FFF2-40B4-BE49-F238E27FC236}">
                <a16:creationId xmlns:a16="http://schemas.microsoft.com/office/drawing/2014/main" id="{331A4753-0F4F-6447-9D4E-42B1AD57CC46}"/>
              </a:ext>
            </a:extLst>
          </p:cNvPr>
          <p:cNvSpPr>
            <a:spLocks noGrp="1"/>
          </p:cNvSpPr>
          <p:nvPr>
            <p:ph type="body" sz="quarter" idx="40" hasCustomPrompt="1"/>
          </p:nvPr>
        </p:nvSpPr>
        <p:spPr>
          <a:xfrm>
            <a:off x="3683274"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p>
        </p:txBody>
      </p:sp>
      <p:sp>
        <p:nvSpPr>
          <p:cNvPr id="51" name="Pladsholder til tekst telefon">
            <a:extLst>
              <a:ext uri="{FF2B5EF4-FFF2-40B4-BE49-F238E27FC236}">
                <a16:creationId xmlns:a16="http://schemas.microsoft.com/office/drawing/2014/main" id="{938027F6-4E6A-2776-F904-DB81D5A7F588}"/>
              </a:ext>
            </a:extLst>
          </p:cNvPr>
          <p:cNvSpPr>
            <a:spLocks noGrp="1"/>
          </p:cNvSpPr>
          <p:nvPr>
            <p:ph type="body" sz="quarter" idx="41" hasCustomPrompt="1"/>
          </p:nvPr>
        </p:nvSpPr>
        <p:spPr>
          <a:xfrm>
            <a:off x="3683274"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p>
        </p:txBody>
      </p:sp>
      <p:sp>
        <p:nvSpPr>
          <p:cNvPr id="52" name="Pladsholder til tekst email">
            <a:extLst>
              <a:ext uri="{FF2B5EF4-FFF2-40B4-BE49-F238E27FC236}">
                <a16:creationId xmlns:a16="http://schemas.microsoft.com/office/drawing/2014/main" id="{5F816DA7-6027-0DE1-4B5B-C4C530ABFA99}"/>
              </a:ext>
            </a:extLst>
          </p:cNvPr>
          <p:cNvSpPr>
            <a:spLocks noGrp="1"/>
          </p:cNvSpPr>
          <p:nvPr>
            <p:ph type="body" sz="quarter" idx="42" hasCustomPrompt="1"/>
          </p:nvPr>
        </p:nvSpPr>
        <p:spPr>
          <a:xfrm>
            <a:off x="3683274"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p>
        </p:txBody>
      </p:sp>
      <p:sp>
        <p:nvSpPr>
          <p:cNvPr id="53" name="Pladsholder til tekst navn">
            <a:extLst>
              <a:ext uri="{FF2B5EF4-FFF2-40B4-BE49-F238E27FC236}">
                <a16:creationId xmlns:a16="http://schemas.microsoft.com/office/drawing/2014/main" id="{106F6799-AB94-A6B6-2EA5-B2186191683A}"/>
              </a:ext>
            </a:extLst>
          </p:cNvPr>
          <p:cNvSpPr>
            <a:spLocks noGrp="1"/>
          </p:cNvSpPr>
          <p:nvPr>
            <p:ph type="body" sz="quarter" idx="43" hasCustomPrompt="1"/>
          </p:nvPr>
        </p:nvSpPr>
        <p:spPr>
          <a:xfrm>
            <a:off x="5715842"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p>
        </p:txBody>
      </p:sp>
      <p:sp>
        <p:nvSpPr>
          <p:cNvPr id="54" name="Pladsholder til tekst titel">
            <a:extLst>
              <a:ext uri="{FF2B5EF4-FFF2-40B4-BE49-F238E27FC236}">
                <a16:creationId xmlns:a16="http://schemas.microsoft.com/office/drawing/2014/main" id="{D8500375-766E-C0ED-EC8F-763C54FB4AA2}"/>
              </a:ext>
            </a:extLst>
          </p:cNvPr>
          <p:cNvSpPr>
            <a:spLocks noGrp="1"/>
          </p:cNvSpPr>
          <p:nvPr>
            <p:ph type="body" sz="quarter" idx="44" hasCustomPrompt="1"/>
          </p:nvPr>
        </p:nvSpPr>
        <p:spPr>
          <a:xfrm>
            <a:off x="5715842"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p>
        </p:txBody>
      </p:sp>
      <p:sp>
        <p:nvSpPr>
          <p:cNvPr id="55" name="Pladsholder til tekst telefon">
            <a:extLst>
              <a:ext uri="{FF2B5EF4-FFF2-40B4-BE49-F238E27FC236}">
                <a16:creationId xmlns:a16="http://schemas.microsoft.com/office/drawing/2014/main" id="{E39F80E4-7B49-768B-2732-A83AEC9A6A3F}"/>
              </a:ext>
            </a:extLst>
          </p:cNvPr>
          <p:cNvSpPr>
            <a:spLocks noGrp="1"/>
          </p:cNvSpPr>
          <p:nvPr>
            <p:ph type="body" sz="quarter" idx="45" hasCustomPrompt="1"/>
          </p:nvPr>
        </p:nvSpPr>
        <p:spPr>
          <a:xfrm>
            <a:off x="5715842"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p>
        </p:txBody>
      </p:sp>
      <p:sp>
        <p:nvSpPr>
          <p:cNvPr id="56" name="Pladsholder til tekst email">
            <a:extLst>
              <a:ext uri="{FF2B5EF4-FFF2-40B4-BE49-F238E27FC236}">
                <a16:creationId xmlns:a16="http://schemas.microsoft.com/office/drawing/2014/main" id="{188D0902-6190-B9B1-CB44-973DC8CD6F37}"/>
              </a:ext>
            </a:extLst>
          </p:cNvPr>
          <p:cNvSpPr>
            <a:spLocks noGrp="1"/>
          </p:cNvSpPr>
          <p:nvPr>
            <p:ph type="body" sz="quarter" idx="46" hasCustomPrompt="1"/>
          </p:nvPr>
        </p:nvSpPr>
        <p:spPr>
          <a:xfrm>
            <a:off x="5715842"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p>
        </p:txBody>
      </p:sp>
      <p:sp>
        <p:nvSpPr>
          <p:cNvPr id="57" name="Pladsholder til tekst navn">
            <a:extLst>
              <a:ext uri="{FF2B5EF4-FFF2-40B4-BE49-F238E27FC236}">
                <a16:creationId xmlns:a16="http://schemas.microsoft.com/office/drawing/2014/main" id="{85DC99C2-7071-892E-C4C2-45472FE764B8}"/>
              </a:ext>
            </a:extLst>
          </p:cNvPr>
          <p:cNvSpPr>
            <a:spLocks noGrp="1"/>
          </p:cNvSpPr>
          <p:nvPr>
            <p:ph type="body" sz="quarter" idx="47" hasCustomPrompt="1"/>
          </p:nvPr>
        </p:nvSpPr>
        <p:spPr>
          <a:xfrm>
            <a:off x="7748000"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p>
        </p:txBody>
      </p:sp>
      <p:sp>
        <p:nvSpPr>
          <p:cNvPr id="58" name="Pladsholder til tekst titel">
            <a:extLst>
              <a:ext uri="{FF2B5EF4-FFF2-40B4-BE49-F238E27FC236}">
                <a16:creationId xmlns:a16="http://schemas.microsoft.com/office/drawing/2014/main" id="{A2E967C9-3226-CDB4-EA4D-9B6D0C5E2A24}"/>
              </a:ext>
            </a:extLst>
          </p:cNvPr>
          <p:cNvSpPr>
            <a:spLocks noGrp="1"/>
          </p:cNvSpPr>
          <p:nvPr>
            <p:ph type="body" sz="quarter" idx="48" hasCustomPrompt="1"/>
          </p:nvPr>
        </p:nvSpPr>
        <p:spPr>
          <a:xfrm>
            <a:off x="7748000"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p>
        </p:txBody>
      </p:sp>
      <p:sp>
        <p:nvSpPr>
          <p:cNvPr id="59" name="Pladsholder til tekst telefon">
            <a:extLst>
              <a:ext uri="{FF2B5EF4-FFF2-40B4-BE49-F238E27FC236}">
                <a16:creationId xmlns:a16="http://schemas.microsoft.com/office/drawing/2014/main" id="{C31F4BB1-07AC-88F2-BD8C-51370CDA5666}"/>
              </a:ext>
            </a:extLst>
          </p:cNvPr>
          <p:cNvSpPr>
            <a:spLocks noGrp="1"/>
          </p:cNvSpPr>
          <p:nvPr>
            <p:ph type="body" sz="quarter" idx="49" hasCustomPrompt="1"/>
          </p:nvPr>
        </p:nvSpPr>
        <p:spPr>
          <a:xfrm>
            <a:off x="7748000"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p>
        </p:txBody>
      </p:sp>
      <p:sp>
        <p:nvSpPr>
          <p:cNvPr id="60" name="Pladsholder til tekst email">
            <a:extLst>
              <a:ext uri="{FF2B5EF4-FFF2-40B4-BE49-F238E27FC236}">
                <a16:creationId xmlns:a16="http://schemas.microsoft.com/office/drawing/2014/main" id="{1E4B9B18-3A05-58D6-2B27-C3F8AEF05979}"/>
              </a:ext>
            </a:extLst>
          </p:cNvPr>
          <p:cNvSpPr>
            <a:spLocks noGrp="1"/>
          </p:cNvSpPr>
          <p:nvPr>
            <p:ph type="body" sz="quarter" idx="50" hasCustomPrompt="1"/>
          </p:nvPr>
        </p:nvSpPr>
        <p:spPr>
          <a:xfrm>
            <a:off x="7748000"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p>
        </p:txBody>
      </p:sp>
      <p:sp>
        <p:nvSpPr>
          <p:cNvPr id="61" name="Pladsholder til tekst navn">
            <a:extLst>
              <a:ext uri="{FF2B5EF4-FFF2-40B4-BE49-F238E27FC236}">
                <a16:creationId xmlns:a16="http://schemas.microsoft.com/office/drawing/2014/main" id="{F49CA797-098A-8C23-D937-D0988C7A9E1B}"/>
              </a:ext>
            </a:extLst>
          </p:cNvPr>
          <p:cNvSpPr>
            <a:spLocks noGrp="1"/>
          </p:cNvSpPr>
          <p:nvPr>
            <p:ph type="body" sz="quarter" idx="51" hasCustomPrompt="1"/>
          </p:nvPr>
        </p:nvSpPr>
        <p:spPr>
          <a:xfrm>
            <a:off x="9780977"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p>
        </p:txBody>
      </p:sp>
      <p:sp>
        <p:nvSpPr>
          <p:cNvPr id="62" name="Pladsholder til tekst titel">
            <a:extLst>
              <a:ext uri="{FF2B5EF4-FFF2-40B4-BE49-F238E27FC236}">
                <a16:creationId xmlns:a16="http://schemas.microsoft.com/office/drawing/2014/main" id="{0363CF2B-31E5-06B8-12F7-6CDE00B0BACA}"/>
              </a:ext>
            </a:extLst>
          </p:cNvPr>
          <p:cNvSpPr>
            <a:spLocks noGrp="1"/>
          </p:cNvSpPr>
          <p:nvPr>
            <p:ph type="body" sz="quarter" idx="52" hasCustomPrompt="1"/>
          </p:nvPr>
        </p:nvSpPr>
        <p:spPr>
          <a:xfrm>
            <a:off x="9780977"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p>
        </p:txBody>
      </p:sp>
      <p:sp>
        <p:nvSpPr>
          <p:cNvPr id="63" name="Pladsholder til tekst telefon">
            <a:extLst>
              <a:ext uri="{FF2B5EF4-FFF2-40B4-BE49-F238E27FC236}">
                <a16:creationId xmlns:a16="http://schemas.microsoft.com/office/drawing/2014/main" id="{5EDB1C35-FE4F-EE6B-663C-12899B61B1BB}"/>
              </a:ext>
            </a:extLst>
          </p:cNvPr>
          <p:cNvSpPr>
            <a:spLocks noGrp="1"/>
          </p:cNvSpPr>
          <p:nvPr>
            <p:ph type="body" sz="quarter" idx="53" hasCustomPrompt="1"/>
          </p:nvPr>
        </p:nvSpPr>
        <p:spPr>
          <a:xfrm>
            <a:off x="9780977"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p>
        </p:txBody>
      </p:sp>
      <p:sp>
        <p:nvSpPr>
          <p:cNvPr id="64" name="Pladsholder til tekst email">
            <a:extLst>
              <a:ext uri="{FF2B5EF4-FFF2-40B4-BE49-F238E27FC236}">
                <a16:creationId xmlns:a16="http://schemas.microsoft.com/office/drawing/2014/main" id="{5DAD35C9-BE12-B632-7CB3-900FC3DCE595}"/>
              </a:ext>
            </a:extLst>
          </p:cNvPr>
          <p:cNvSpPr>
            <a:spLocks noGrp="1"/>
          </p:cNvSpPr>
          <p:nvPr>
            <p:ph type="body" sz="quarter" idx="54" hasCustomPrompt="1"/>
          </p:nvPr>
        </p:nvSpPr>
        <p:spPr>
          <a:xfrm>
            <a:off x="9780977"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p>
        </p:txBody>
      </p:sp>
    </p:spTree>
    <p:extLst>
      <p:ext uri="{BB962C8B-B14F-4D97-AF65-F5344CB8AC3E}">
        <p14:creationId xmlns:p14="http://schemas.microsoft.com/office/powerpoint/2010/main" val="3026970537"/>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Afslutning">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F4854BEB-E42B-41CA-9C2A-29C2A5ED8DE1}" type="datetime2">
              <a:rPr lang="da-DK" smtClean="0"/>
              <a:t>30. maj 2025</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pic>
        <p:nvPicPr>
          <p:cNvPr id="5" name="Billede 4" descr="Et billede, der indeholder tekst, skærmbillede, Font/skrifttype, Grafik&#10;&#10;Automatisk genereret beskrivelse" hidden="1">
            <a:extLst>
              <a:ext uri="{FF2B5EF4-FFF2-40B4-BE49-F238E27FC236}">
                <a16:creationId xmlns:a16="http://schemas.microsoft.com/office/drawing/2014/main" id="{ADCC5258-33C0-3757-42A9-281F183866AE}"/>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428"/>
            <a:ext cx="12192000" cy="6857143"/>
          </a:xfrm>
          <a:prstGeom prst="rect">
            <a:avLst/>
          </a:prstGeom>
        </p:spPr>
      </p:pic>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24000" rIns="360000" bIns="360000" anchor="ctr" anchorCtr="0">
            <a:noAutofit/>
          </a:bodyPr>
          <a:lstStyle>
            <a:lvl1pPr algn="ctr">
              <a:lnSpc>
                <a:spcPct val="100000"/>
              </a:lnSpc>
              <a:defRPr sz="9600" b="0">
                <a:solidFill>
                  <a:schemeClr val="accent1"/>
                </a:solidFill>
              </a:defRPr>
            </a:lvl1pPr>
          </a:lstStyle>
          <a:p>
            <a:r>
              <a:rPr lang="da-DK" dirty="0"/>
              <a:t>Klik og tilføj titel</a:t>
            </a:r>
          </a:p>
        </p:txBody>
      </p:sp>
    </p:spTree>
    <p:extLst>
      <p:ext uri="{BB962C8B-B14F-4D97-AF65-F5344CB8AC3E}">
        <p14:creationId xmlns:p14="http://schemas.microsoft.com/office/powerpoint/2010/main" val="3839251777"/>
      </p:ext>
    </p:extLst>
  </p:cSld>
  <p:clrMapOvr>
    <a:overrideClrMapping bg1="lt1" tx1="dk1" bg2="lt2" tx2="dk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Forside billede B">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p>
        </p:txBody>
      </p:sp>
      <p:sp>
        <p:nvSpPr>
          <p:cNvPr id="14" name="Kombinationstegning: figur 13">
            <a:extLst>
              <a:ext uri="{FF2B5EF4-FFF2-40B4-BE49-F238E27FC236}">
                <a16:creationId xmlns:a16="http://schemas.microsoft.com/office/drawing/2014/main" id="{EFD08B09-ECAF-2DC3-10D0-D8A84F43E315}"/>
              </a:ext>
            </a:extLst>
          </p:cNvPr>
          <p:cNvSpPr>
            <a:spLocks noGrp="1" noRot="1" noMove="1" noResize="1" noEditPoints="1" noAdjustHandles="1" noChangeArrowheads="1" noChangeShapeType="1"/>
          </p:cNvSpPr>
          <p:nvPr userDrawn="1"/>
        </p:nvSpPr>
        <p:spPr bwMode="ltGray">
          <a:xfrm>
            <a:off x="388800" y="388800"/>
            <a:ext cx="11415600" cy="2664000"/>
          </a:xfrm>
          <a:custGeom>
            <a:avLst/>
            <a:gdLst>
              <a:gd name="connsiteX0" fmla="*/ 268957 w 11415600"/>
              <a:gd name="connsiteY0" fmla="*/ 0 h 2664000"/>
              <a:gd name="connsiteX1" fmla="*/ 11146643 w 11415600"/>
              <a:gd name="connsiteY1" fmla="*/ 0 h 2664000"/>
              <a:gd name="connsiteX2" fmla="*/ 11415600 w 11415600"/>
              <a:gd name="connsiteY2" fmla="*/ 268957 h 2664000"/>
              <a:gd name="connsiteX3" fmla="*/ 11415600 w 11415600"/>
              <a:gd name="connsiteY3" fmla="*/ 1274000 h 2664000"/>
              <a:gd name="connsiteX4" fmla="*/ 11415600 w 11415600"/>
              <a:gd name="connsiteY4" fmla="*/ 2395043 h 2664000"/>
              <a:gd name="connsiteX5" fmla="*/ 11415600 w 11415600"/>
              <a:gd name="connsiteY5" fmla="*/ 2664000 h 2664000"/>
              <a:gd name="connsiteX6" fmla="*/ 11146643 w 11415600"/>
              <a:gd name="connsiteY6" fmla="*/ 2664000 h 2664000"/>
              <a:gd name="connsiteX7" fmla="*/ 10025600 w 11415600"/>
              <a:gd name="connsiteY7" fmla="*/ 2664000 h 2664000"/>
              <a:gd name="connsiteX8" fmla="*/ 268957 w 11415600"/>
              <a:gd name="connsiteY8" fmla="*/ 2664000 h 2664000"/>
              <a:gd name="connsiteX9" fmla="*/ 0 w 11415600"/>
              <a:gd name="connsiteY9" fmla="*/ 2395043 h 2664000"/>
              <a:gd name="connsiteX10" fmla="*/ 0 w 11415600"/>
              <a:gd name="connsiteY10" fmla="*/ 268957 h 2664000"/>
              <a:gd name="connsiteX11" fmla="*/ 268957 w 11415600"/>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415600" h="2664000">
                <a:moveTo>
                  <a:pt x="268957" y="0"/>
                </a:moveTo>
                <a:lnTo>
                  <a:pt x="11146643" y="0"/>
                </a:lnTo>
                <a:cubicBezTo>
                  <a:pt x="11295184" y="0"/>
                  <a:pt x="11415600" y="120416"/>
                  <a:pt x="11415600" y="268957"/>
                </a:cubicBezTo>
                <a:lnTo>
                  <a:pt x="11415600" y="1274000"/>
                </a:lnTo>
                <a:lnTo>
                  <a:pt x="11415600" y="2395043"/>
                </a:lnTo>
                <a:lnTo>
                  <a:pt x="11415600" y="2664000"/>
                </a:lnTo>
                <a:lnTo>
                  <a:pt x="11146643" y="2664000"/>
                </a:lnTo>
                <a:lnTo>
                  <a:pt x="10025600" y="2664000"/>
                </a:lnTo>
                <a:lnTo>
                  <a:pt x="268957" y="2664000"/>
                </a:lnTo>
                <a:cubicBezTo>
                  <a:pt x="120416" y="2664000"/>
                  <a:pt x="0" y="2543584"/>
                  <a:pt x="0" y="2395043"/>
                </a:cubicBezTo>
                <a:lnTo>
                  <a:pt x="0" y="268957"/>
                </a:lnTo>
                <a:cubicBezTo>
                  <a:pt x="0" y="120416"/>
                  <a:pt x="120416" y="0"/>
                  <a:pt x="268957"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0" name="Navne kasse">
            <a:extLst>
              <a:ext uri="{FF2B5EF4-FFF2-40B4-BE49-F238E27FC236}">
                <a16:creationId xmlns:a16="http://schemas.microsoft.com/office/drawing/2014/main" id="{6A4A735E-41FE-6B84-92C6-0CF66EC82410}"/>
              </a:ext>
            </a:extLst>
          </p:cNvPr>
          <p:cNvSpPr>
            <a:spLocks noGrp="1" noRot="1" noMove="1" noResize="1" noEditPoints="1" noAdjustHandles="1" noChangeArrowheads="1" noChangeShapeType="1"/>
          </p:cNvSpPr>
          <p:nvPr userDrawn="1"/>
        </p:nvSpPr>
        <p:spPr bwMode="ltGray">
          <a:xfrm>
            <a:off x="388800" y="3181117"/>
            <a:ext cx="3431451" cy="1130401"/>
          </a:xfrm>
          <a:custGeom>
            <a:avLst/>
            <a:gdLst>
              <a:gd name="connsiteX0" fmla="*/ 0 w 3431451"/>
              <a:gd name="connsiteY0" fmla="*/ 0 h 1130401"/>
              <a:gd name="connsiteX1" fmla="*/ 309398 w 3431451"/>
              <a:gd name="connsiteY1" fmla="*/ 0 h 1130401"/>
              <a:gd name="connsiteX2" fmla="*/ 360803 w 3431451"/>
              <a:gd name="connsiteY2" fmla="*/ 0 h 1130401"/>
              <a:gd name="connsiteX3" fmla="*/ 1784429 w 3431451"/>
              <a:gd name="connsiteY3" fmla="*/ 0 h 1130401"/>
              <a:gd name="connsiteX4" fmla="*/ 1984561 w 3431451"/>
              <a:gd name="connsiteY4" fmla="*/ 0 h 1130401"/>
              <a:gd name="connsiteX5" fmla="*/ 2864082 w 3431451"/>
              <a:gd name="connsiteY5" fmla="*/ 0 h 1130401"/>
              <a:gd name="connsiteX6" fmla="*/ 2864082 w 3431451"/>
              <a:gd name="connsiteY6" fmla="*/ 220 h 1130401"/>
              <a:gd name="connsiteX7" fmla="*/ 2866251 w 3431451"/>
              <a:gd name="connsiteY7" fmla="*/ 1 h 1130401"/>
              <a:gd name="connsiteX8" fmla="*/ 3431451 w 3431451"/>
              <a:gd name="connsiteY8" fmla="*/ 565201 h 1130401"/>
              <a:gd name="connsiteX9" fmla="*/ 2866251 w 3431451"/>
              <a:gd name="connsiteY9" fmla="*/ 1130401 h 1130401"/>
              <a:gd name="connsiteX10" fmla="*/ 2864082 w 3431451"/>
              <a:gd name="connsiteY10" fmla="*/ 1130183 h 1130401"/>
              <a:gd name="connsiteX11" fmla="*/ 2864082 w 3431451"/>
              <a:gd name="connsiteY11" fmla="*/ 1130400 h 1130401"/>
              <a:gd name="connsiteX12" fmla="*/ 1784429 w 3431451"/>
              <a:gd name="connsiteY12" fmla="*/ 1130400 h 1130401"/>
              <a:gd name="connsiteX13" fmla="*/ 1784429 w 3431451"/>
              <a:gd name="connsiteY13" fmla="*/ 1129231 h 1130401"/>
              <a:gd name="connsiteX14" fmla="*/ 309398 w 3431451"/>
              <a:gd name="connsiteY14" fmla="*/ 1129231 h 1130401"/>
              <a:gd name="connsiteX15" fmla="*/ 0 w 3431451"/>
              <a:gd name="connsiteY15" fmla="*/ 819833 h 1130401"/>
              <a:gd name="connsiteX16" fmla="*/ 0 w 3431451"/>
              <a:gd name="connsiteY16" fmla="*/ 360803 h 1130401"/>
              <a:gd name="connsiteX17" fmla="*/ 0 w 3431451"/>
              <a:gd name="connsiteY17" fmla="*/ 309398 h 11304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431451" h="1130401">
                <a:moveTo>
                  <a:pt x="0" y="0"/>
                </a:moveTo>
                <a:lnTo>
                  <a:pt x="309398" y="0"/>
                </a:lnTo>
                <a:lnTo>
                  <a:pt x="360803" y="0"/>
                </a:lnTo>
                <a:lnTo>
                  <a:pt x="1784429" y="0"/>
                </a:lnTo>
                <a:lnTo>
                  <a:pt x="1984561" y="0"/>
                </a:lnTo>
                <a:lnTo>
                  <a:pt x="2864082" y="0"/>
                </a:lnTo>
                <a:lnTo>
                  <a:pt x="2864082" y="220"/>
                </a:lnTo>
                <a:lnTo>
                  <a:pt x="2866251" y="1"/>
                </a:lnTo>
                <a:cubicBezTo>
                  <a:pt x="3178402" y="1"/>
                  <a:pt x="3431451" y="253050"/>
                  <a:pt x="3431451" y="565201"/>
                </a:cubicBezTo>
                <a:cubicBezTo>
                  <a:pt x="3431451" y="877352"/>
                  <a:pt x="3178402" y="1130401"/>
                  <a:pt x="2866251" y="1130401"/>
                </a:cubicBezTo>
                <a:lnTo>
                  <a:pt x="2864082" y="1130183"/>
                </a:lnTo>
                <a:lnTo>
                  <a:pt x="2864082" y="1130400"/>
                </a:lnTo>
                <a:lnTo>
                  <a:pt x="1784429" y="1130400"/>
                </a:lnTo>
                <a:lnTo>
                  <a:pt x="1784429" y="1129231"/>
                </a:lnTo>
                <a:lnTo>
                  <a:pt x="309398" y="1129231"/>
                </a:lnTo>
                <a:cubicBezTo>
                  <a:pt x="138522" y="1129231"/>
                  <a:pt x="0" y="990709"/>
                  <a:pt x="0" y="819833"/>
                </a:cubicBezTo>
                <a:lnTo>
                  <a:pt x="0" y="360803"/>
                </a:lnTo>
                <a:lnTo>
                  <a:pt x="0" y="309398"/>
                </a:ln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8000" y="647999"/>
            <a:ext cx="10742076" cy="1908000"/>
          </a:xfrm>
        </p:spPr>
        <p:txBody>
          <a:bodyPr anchor="t" anchorCtr="0"/>
          <a:lstStyle>
            <a:lvl1pPr algn="l">
              <a:defRPr sz="4400">
                <a:solidFill>
                  <a:schemeClr val="bg1"/>
                </a:solidFill>
              </a:defRPr>
            </a:lvl1pPr>
          </a:lstStyle>
          <a:p>
            <a:r>
              <a:rPr lang="da-DK" dirty="0"/>
              <a:t>Klik for at indsætte overskrift – max. tre linjer</a:t>
            </a:r>
          </a:p>
        </p:txBody>
      </p:sp>
      <p:sp>
        <p:nvSpPr>
          <p:cNvPr id="22" name="Pladsholder til tekst navn">
            <a:extLst>
              <a:ext uri="{FF2B5EF4-FFF2-40B4-BE49-F238E27FC236}">
                <a16:creationId xmlns:a16="http://schemas.microsoft.com/office/drawing/2014/main" id="{C3269FE8-18B8-3459-CA89-40A0E170E069}"/>
              </a:ext>
            </a:extLst>
          </p:cNvPr>
          <p:cNvSpPr>
            <a:spLocks noGrp="1"/>
          </p:cNvSpPr>
          <p:nvPr>
            <p:ph type="body" sz="quarter" idx="18" hasCustomPrompt="1"/>
          </p:nvPr>
        </p:nvSpPr>
        <p:spPr>
          <a:xfrm>
            <a:off x="648000" y="3292346"/>
            <a:ext cx="278640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23" name="Pladsholder til tekst efternavn">
            <a:extLst>
              <a:ext uri="{FF2B5EF4-FFF2-40B4-BE49-F238E27FC236}">
                <a16:creationId xmlns:a16="http://schemas.microsoft.com/office/drawing/2014/main" id="{AD574D64-8CDB-3935-F699-5029DE272334}"/>
              </a:ext>
            </a:extLst>
          </p:cNvPr>
          <p:cNvSpPr>
            <a:spLocks noGrp="1"/>
          </p:cNvSpPr>
          <p:nvPr>
            <p:ph type="body" sz="quarter" idx="19" hasCustomPrompt="1"/>
          </p:nvPr>
        </p:nvSpPr>
        <p:spPr>
          <a:xfrm>
            <a:off x="648000" y="3578598"/>
            <a:ext cx="278735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24" name="Date Placeholder 6">
            <a:extLst>
              <a:ext uri="{FF2B5EF4-FFF2-40B4-BE49-F238E27FC236}">
                <a16:creationId xmlns:a16="http://schemas.microsoft.com/office/drawing/2014/main" id="{BC3454EA-FB5D-610A-B68A-406536AE9037}"/>
              </a:ext>
            </a:extLst>
          </p:cNvPr>
          <p:cNvSpPr>
            <a:spLocks noGrp="1"/>
          </p:cNvSpPr>
          <p:nvPr>
            <p:ph type="dt" sz="half" idx="15"/>
          </p:nvPr>
        </p:nvSpPr>
        <p:spPr>
          <a:xfrm>
            <a:off x="648000" y="3872772"/>
            <a:ext cx="2786400" cy="324000"/>
          </a:xfrm>
          <a:prstGeom prst="rect">
            <a:avLst/>
          </a:prstGeom>
        </p:spPr>
        <p:txBody>
          <a:bodyPr anchor="t" anchorCtr="0"/>
          <a:lstStyle>
            <a:lvl1pPr algn="l">
              <a:defRPr sz="2000">
                <a:solidFill>
                  <a:srgbClr val="38025C"/>
                </a:solidFill>
              </a:defRPr>
            </a:lvl1pPr>
          </a:lstStyle>
          <a:p>
            <a:fld id="{395073DB-E2B7-4A43-8E2E-87C86606DD17}" type="datetime2">
              <a:rPr lang="da-DK" smtClean="0"/>
              <a:pPr/>
              <a:t>30. maj 2025</a:t>
            </a:fld>
            <a:endParaRPr lang="da-DK" dirty="0"/>
          </a:p>
        </p:txBody>
      </p:sp>
      <p:pic>
        <p:nvPicPr>
          <p:cNvPr id="6" name="Dynamic cover logo hvid" descr="{&quot;templafy&quot;:{&quot;id&quot;:&quot;43b16df3-2e2a-4d8d-bbb5-7c890c5a356a&quot;}}">
            <a:extLst>
              <a:ext uri="{FF2B5EF4-FFF2-40B4-BE49-F238E27FC236}">
                <a16:creationId xmlns:a16="http://schemas.microsoft.com/office/drawing/2014/main" id="{384CC650-DBD6-B59D-1F66-9177D0643163}"/>
              </a:ext>
            </a:extLst>
          </p:cNvPr>
          <p:cNvPicPr>
            <a:picLocks noChangeAspect="1"/>
          </p:cNvPicPr>
          <p:nvPr userDrawn="1"/>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54216444"/>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Kun titel">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p:txBody>
          <a:bodyPr/>
          <a:lstStyle/>
          <a:p>
            <a:r>
              <a:rPr lang="da-DK" dirty="0"/>
              <a:t>Klik for at indsætte overskrift – max. to linjer</a:t>
            </a:r>
          </a:p>
        </p:txBody>
      </p:sp>
      <p:sp>
        <p:nvSpPr>
          <p:cNvPr id="4" name="Pladsholder til dato 3" hidden="1">
            <a:extLst>
              <a:ext uri="{FF2B5EF4-FFF2-40B4-BE49-F238E27FC236}">
                <a16:creationId xmlns:a16="http://schemas.microsoft.com/office/drawing/2014/main" id="{41AAE7BC-9CE9-8428-7088-3A1B95E44BCB}"/>
              </a:ext>
            </a:extLst>
          </p:cNvPr>
          <p:cNvSpPr>
            <a:spLocks noGrp="1"/>
          </p:cNvSpPr>
          <p:nvPr>
            <p:ph type="dt" sz="half" idx="10"/>
          </p:nvPr>
        </p:nvSpPr>
        <p:spPr/>
        <p:txBody>
          <a:bodyPr/>
          <a:lstStyle/>
          <a:p>
            <a:fld id="{B4B7080B-A33B-4641-8B4F-80303CCAA72E}" type="datetime2">
              <a:rPr lang="da-DK" smtClean="0"/>
              <a:t>30. maj 2025</a:t>
            </a:fld>
            <a:endParaRPr lang="da-DK" dirty="0"/>
          </a:p>
        </p:txBody>
      </p:sp>
      <p:sp>
        <p:nvSpPr>
          <p:cNvPr id="5" name="Pladsholder til sidefod 4" hidden="1">
            <a:extLst>
              <a:ext uri="{FF2B5EF4-FFF2-40B4-BE49-F238E27FC236}">
                <a16:creationId xmlns:a16="http://schemas.microsoft.com/office/drawing/2014/main" id="{3C931EAA-DE0A-C464-7790-14511D235909}"/>
              </a:ext>
            </a:extLst>
          </p:cNvPr>
          <p:cNvSpPr>
            <a:spLocks noGrp="1"/>
          </p:cNvSpPr>
          <p:nvPr>
            <p:ph type="ftr" sz="quarter" idx="11"/>
          </p:nvPr>
        </p:nvSpPr>
        <p:spPr/>
        <p:txBody>
          <a:bodyPr/>
          <a:lstStyle/>
          <a:p>
            <a:endParaRPr lang="da-DK" dirty="0"/>
          </a:p>
        </p:txBody>
      </p:sp>
      <p:sp>
        <p:nvSpPr>
          <p:cNvPr id="9" name="Pladsholder til slidenummer 8" hidden="1">
            <a:extLst>
              <a:ext uri="{FF2B5EF4-FFF2-40B4-BE49-F238E27FC236}">
                <a16:creationId xmlns:a16="http://schemas.microsoft.com/office/drawing/2014/main" id="{8D0BC6D1-031B-BA63-1BDA-490CF8522FD0}"/>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838594849"/>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Kun titel hvid baggr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p:txBody>
          <a:bodyPr/>
          <a:lstStyle/>
          <a:p>
            <a:r>
              <a:rPr lang="da-DK" dirty="0"/>
              <a:t>Klik for at indsætte overskrift – max. to linjer</a:t>
            </a:r>
          </a:p>
        </p:txBody>
      </p:sp>
      <p:sp>
        <p:nvSpPr>
          <p:cNvPr id="4" name="Pladsholder til dato 3" hidden="1">
            <a:extLst>
              <a:ext uri="{FF2B5EF4-FFF2-40B4-BE49-F238E27FC236}">
                <a16:creationId xmlns:a16="http://schemas.microsoft.com/office/drawing/2014/main" id="{443992CA-9B9C-E98F-9158-21A1E13D4683}"/>
              </a:ext>
            </a:extLst>
          </p:cNvPr>
          <p:cNvSpPr>
            <a:spLocks noGrp="1"/>
          </p:cNvSpPr>
          <p:nvPr>
            <p:ph type="dt" sz="half" idx="10"/>
          </p:nvPr>
        </p:nvSpPr>
        <p:spPr/>
        <p:txBody>
          <a:bodyPr/>
          <a:lstStyle/>
          <a:p>
            <a:fld id="{8C389154-4CF1-4174-B8D6-25ABA5D8CB34}" type="datetime2">
              <a:rPr lang="da-DK" smtClean="0"/>
              <a:t>30. maj 2025</a:t>
            </a:fld>
            <a:endParaRPr lang="da-DK" dirty="0"/>
          </a:p>
        </p:txBody>
      </p:sp>
      <p:sp>
        <p:nvSpPr>
          <p:cNvPr id="5" name="Pladsholder til sidefod 4" hidden="1">
            <a:extLst>
              <a:ext uri="{FF2B5EF4-FFF2-40B4-BE49-F238E27FC236}">
                <a16:creationId xmlns:a16="http://schemas.microsoft.com/office/drawing/2014/main" id="{6E3D451E-3DC3-BEA9-5353-74353F07362D}"/>
              </a:ext>
            </a:extLst>
          </p:cNvPr>
          <p:cNvSpPr>
            <a:spLocks noGrp="1"/>
          </p:cNvSpPr>
          <p:nvPr>
            <p:ph type="ftr" sz="quarter" idx="11"/>
          </p:nvPr>
        </p:nvSpPr>
        <p:spPr/>
        <p:txBody>
          <a:bodyPr/>
          <a:lstStyle/>
          <a:p>
            <a:endParaRPr lang="da-DK" dirty="0"/>
          </a:p>
        </p:txBody>
      </p:sp>
      <p:sp>
        <p:nvSpPr>
          <p:cNvPr id="9" name="Pladsholder til slidenummer 8" hidden="1">
            <a:extLst>
              <a:ext uri="{FF2B5EF4-FFF2-40B4-BE49-F238E27FC236}">
                <a16:creationId xmlns:a16="http://schemas.microsoft.com/office/drawing/2014/main" id="{E73EC7A4-7B62-48FD-120C-CF5D0EBAA099}"/>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45088864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el og undertitel">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a:xfrm>
            <a:off x="648000" y="648000"/>
            <a:ext cx="10897200" cy="520400"/>
          </a:xfrm>
        </p:spPr>
        <p:txBody>
          <a:bodyPr/>
          <a:lstStyle>
            <a:lvl1pPr>
              <a:defRPr/>
            </a:lvl1pPr>
          </a:lstStyle>
          <a:p>
            <a:r>
              <a:rPr lang="da-DK" dirty="0"/>
              <a:t>Klik for at indsætte overskrift – max. en linje</a:t>
            </a:r>
          </a:p>
        </p:txBody>
      </p:sp>
      <p:sp>
        <p:nvSpPr>
          <p:cNvPr id="3" name="Subtitle 2">
            <a:extLst>
              <a:ext uri="{FF2B5EF4-FFF2-40B4-BE49-F238E27FC236}">
                <a16:creationId xmlns:a16="http://schemas.microsoft.com/office/drawing/2014/main" id="{1E69654E-8990-E473-756B-16C7AD7D880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4" name="Pladsholder til dato 3" hidden="1">
            <a:extLst>
              <a:ext uri="{FF2B5EF4-FFF2-40B4-BE49-F238E27FC236}">
                <a16:creationId xmlns:a16="http://schemas.microsoft.com/office/drawing/2014/main" id="{6B04E191-15FC-79B1-0C57-DA7373BCFCA1}"/>
              </a:ext>
            </a:extLst>
          </p:cNvPr>
          <p:cNvSpPr>
            <a:spLocks noGrp="1"/>
          </p:cNvSpPr>
          <p:nvPr>
            <p:ph type="dt" sz="half" idx="14"/>
          </p:nvPr>
        </p:nvSpPr>
        <p:spPr/>
        <p:txBody>
          <a:bodyPr/>
          <a:lstStyle/>
          <a:p>
            <a:fld id="{F52769B8-46DD-439F-B943-03C6F320319F}" type="datetime2">
              <a:rPr lang="da-DK" smtClean="0"/>
              <a:t>30. maj 2025</a:t>
            </a:fld>
            <a:endParaRPr lang="da-DK" dirty="0"/>
          </a:p>
        </p:txBody>
      </p:sp>
      <p:sp>
        <p:nvSpPr>
          <p:cNvPr id="5" name="Pladsholder til sidefod 4" hidden="1">
            <a:extLst>
              <a:ext uri="{FF2B5EF4-FFF2-40B4-BE49-F238E27FC236}">
                <a16:creationId xmlns:a16="http://schemas.microsoft.com/office/drawing/2014/main" id="{9344B964-0F17-0DA7-F003-EDF58C805E1D}"/>
              </a:ext>
            </a:extLst>
          </p:cNvPr>
          <p:cNvSpPr>
            <a:spLocks noGrp="1"/>
          </p:cNvSpPr>
          <p:nvPr>
            <p:ph type="ftr" sz="quarter" idx="15"/>
          </p:nvPr>
        </p:nvSpPr>
        <p:spPr/>
        <p:txBody>
          <a:bodyPr/>
          <a:lstStyle/>
          <a:p>
            <a:endParaRPr lang="da-DK" dirty="0"/>
          </a:p>
        </p:txBody>
      </p:sp>
      <p:sp>
        <p:nvSpPr>
          <p:cNvPr id="9" name="Pladsholder til slidenummer 8" hidden="1">
            <a:extLst>
              <a:ext uri="{FF2B5EF4-FFF2-40B4-BE49-F238E27FC236}">
                <a16:creationId xmlns:a16="http://schemas.microsoft.com/office/drawing/2014/main" id="{968F98C7-5451-B927-5566-D4FF21E24C74}"/>
              </a:ext>
            </a:extLst>
          </p:cNvPr>
          <p:cNvSpPr>
            <a:spLocks noGrp="1"/>
          </p:cNvSpPr>
          <p:nvPr>
            <p:ph type="sldNum" sz="quarter" idx="16"/>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58552423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itel og undertitel hvid baggr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a:xfrm>
            <a:off x="648000" y="648000"/>
            <a:ext cx="10897200" cy="533100"/>
          </a:xfrm>
        </p:spPr>
        <p:txBody>
          <a:bodyPr/>
          <a:lstStyle>
            <a:lvl1pPr>
              <a:defRPr/>
            </a:lvl1pPr>
          </a:lstStyle>
          <a:p>
            <a:r>
              <a:rPr lang="da-DK" dirty="0"/>
              <a:t>Klik for at indsætte overskrift – max. en linje</a:t>
            </a:r>
          </a:p>
        </p:txBody>
      </p:sp>
      <p:sp>
        <p:nvSpPr>
          <p:cNvPr id="3" name="Subtitle 2">
            <a:extLst>
              <a:ext uri="{FF2B5EF4-FFF2-40B4-BE49-F238E27FC236}">
                <a16:creationId xmlns:a16="http://schemas.microsoft.com/office/drawing/2014/main" id="{9CE971E7-E9A6-5F46-76A9-6772A8A82456}"/>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4" name="Pladsholder til dato 3" hidden="1">
            <a:extLst>
              <a:ext uri="{FF2B5EF4-FFF2-40B4-BE49-F238E27FC236}">
                <a16:creationId xmlns:a16="http://schemas.microsoft.com/office/drawing/2014/main" id="{AD7DC154-B3C3-53BC-1D63-20E5281D509A}"/>
              </a:ext>
            </a:extLst>
          </p:cNvPr>
          <p:cNvSpPr>
            <a:spLocks noGrp="1"/>
          </p:cNvSpPr>
          <p:nvPr>
            <p:ph type="dt" sz="half" idx="14"/>
          </p:nvPr>
        </p:nvSpPr>
        <p:spPr/>
        <p:txBody>
          <a:bodyPr/>
          <a:lstStyle/>
          <a:p>
            <a:fld id="{B544925F-5445-4B8E-9D16-CB89C0D77AC9}" type="datetime2">
              <a:rPr lang="da-DK" smtClean="0"/>
              <a:t>30. maj 2025</a:t>
            </a:fld>
            <a:endParaRPr lang="da-DK" dirty="0"/>
          </a:p>
        </p:txBody>
      </p:sp>
      <p:sp>
        <p:nvSpPr>
          <p:cNvPr id="5" name="Pladsholder til sidefod 4" hidden="1">
            <a:extLst>
              <a:ext uri="{FF2B5EF4-FFF2-40B4-BE49-F238E27FC236}">
                <a16:creationId xmlns:a16="http://schemas.microsoft.com/office/drawing/2014/main" id="{704AB3EB-C0A9-4AE3-DF38-0724801F3535}"/>
              </a:ext>
            </a:extLst>
          </p:cNvPr>
          <p:cNvSpPr>
            <a:spLocks noGrp="1"/>
          </p:cNvSpPr>
          <p:nvPr>
            <p:ph type="ftr" sz="quarter" idx="15"/>
          </p:nvPr>
        </p:nvSpPr>
        <p:spPr/>
        <p:txBody>
          <a:bodyPr/>
          <a:lstStyle/>
          <a:p>
            <a:endParaRPr lang="da-DK" dirty="0"/>
          </a:p>
        </p:txBody>
      </p:sp>
      <p:sp>
        <p:nvSpPr>
          <p:cNvPr id="9" name="Pladsholder til slidenummer 8" hidden="1">
            <a:extLst>
              <a:ext uri="{FF2B5EF4-FFF2-40B4-BE49-F238E27FC236}">
                <a16:creationId xmlns:a16="http://schemas.microsoft.com/office/drawing/2014/main" id="{7D141EC6-70F0-0B33-1F49-71B8218C7874}"/>
              </a:ext>
            </a:extLst>
          </p:cNvPr>
          <p:cNvSpPr>
            <a:spLocks noGrp="1"/>
          </p:cNvSpPr>
          <p:nvPr>
            <p:ph type="sldNum" sz="quarter" idx="16"/>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91443733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blank" preserve="1">
  <p:cSld name="Tom">
    <p:bg>
      <p:bgPr>
        <a:solidFill>
          <a:schemeClr val="bg2"/>
        </a:solidFill>
        <a:effectLst/>
      </p:bgPr>
    </p:bg>
    <p:spTree>
      <p:nvGrpSpPr>
        <p:cNvPr id="1" name=""/>
        <p:cNvGrpSpPr/>
        <p:nvPr/>
      </p:nvGrpSpPr>
      <p:grpSpPr>
        <a:xfrm>
          <a:off x="0" y="0"/>
          <a:ext cx="0" cy="0"/>
          <a:chOff x="0" y="0"/>
          <a:chExt cx="0" cy="0"/>
        </a:xfrm>
      </p:grpSpPr>
      <p:sp>
        <p:nvSpPr>
          <p:cNvPr id="2" name="Pladsholder til dato 1" hidden="1">
            <a:extLst>
              <a:ext uri="{FF2B5EF4-FFF2-40B4-BE49-F238E27FC236}">
                <a16:creationId xmlns:a16="http://schemas.microsoft.com/office/drawing/2014/main" id="{33BEAC99-3DAC-D9E3-DF78-D2F7FB58E753}"/>
              </a:ext>
            </a:extLst>
          </p:cNvPr>
          <p:cNvSpPr>
            <a:spLocks noGrp="1"/>
          </p:cNvSpPr>
          <p:nvPr>
            <p:ph type="dt" sz="half" idx="10"/>
          </p:nvPr>
        </p:nvSpPr>
        <p:spPr/>
        <p:txBody>
          <a:bodyPr/>
          <a:lstStyle/>
          <a:p>
            <a:fld id="{430D9943-4D8B-4B23-B45B-B6E913461806}" type="datetime2">
              <a:rPr lang="da-DK" smtClean="0"/>
              <a:t>30. maj 2025</a:t>
            </a:fld>
            <a:endParaRPr lang="da-DK" dirty="0"/>
          </a:p>
        </p:txBody>
      </p:sp>
      <p:sp>
        <p:nvSpPr>
          <p:cNvPr id="3" name="Pladsholder til sidefod 2" hidden="1">
            <a:extLst>
              <a:ext uri="{FF2B5EF4-FFF2-40B4-BE49-F238E27FC236}">
                <a16:creationId xmlns:a16="http://schemas.microsoft.com/office/drawing/2014/main" id="{67DA998F-68C7-DCA0-13A0-77764713E3E6}"/>
              </a:ext>
            </a:extLst>
          </p:cNvPr>
          <p:cNvSpPr>
            <a:spLocks noGrp="1"/>
          </p:cNvSpPr>
          <p:nvPr>
            <p:ph type="ftr" sz="quarter" idx="11"/>
          </p:nvPr>
        </p:nvSpPr>
        <p:spPr/>
        <p:txBody>
          <a:bodyPr/>
          <a:lstStyle/>
          <a:p>
            <a:endParaRPr lang="da-DK" dirty="0"/>
          </a:p>
        </p:txBody>
      </p:sp>
      <p:sp>
        <p:nvSpPr>
          <p:cNvPr id="4" name="Pladsholder til slidenummer 3" hidden="1">
            <a:extLst>
              <a:ext uri="{FF2B5EF4-FFF2-40B4-BE49-F238E27FC236}">
                <a16:creationId xmlns:a16="http://schemas.microsoft.com/office/drawing/2014/main" id="{04139E55-3E63-075F-7F4B-1FD22A4E247B}"/>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843948884"/>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blank" preserve="1">
  <p:cSld name="Tom hvid baggrund">
    <p:spTree>
      <p:nvGrpSpPr>
        <p:cNvPr id="1" name=""/>
        <p:cNvGrpSpPr/>
        <p:nvPr/>
      </p:nvGrpSpPr>
      <p:grpSpPr>
        <a:xfrm>
          <a:off x="0" y="0"/>
          <a:ext cx="0" cy="0"/>
          <a:chOff x="0" y="0"/>
          <a:chExt cx="0" cy="0"/>
        </a:xfrm>
      </p:grpSpPr>
      <p:sp>
        <p:nvSpPr>
          <p:cNvPr id="2" name="Pladsholder til dato 1" hidden="1">
            <a:extLst>
              <a:ext uri="{FF2B5EF4-FFF2-40B4-BE49-F238E27FC236}">
                <a16:creationId xmlns:a16="http://schemas.microsoft.com/office/drawing/2014/main" id="{74DC9480-EE91-3432-4F0A-318F175FB174}"/>
              </a:ext>
            </a:extLst>
          </p:cNvPr>
          <p:cNvSpPr>
            <a:spLocks noGrp="1"/>
          </p:cNvSpPr>
          <p:nvPr>
            <p:ph type="dt" sz="half" idx="10"/>
          </p:nvPr>
        </p:nvSpPr>
        <p:spPr/>
        <p:txBody>
          <a:bodyPr/>
          <a:lstStyle/>
          <a:p>
            <a:fld id="{5510FFE0-28BF-49CC-8C5D-986A87AEEC93}" type="datetime2">
              <a:rPr lang="da-DK" smtClean="0"/>
              <a:t>30. maj 2025</a:t>
            </a:fld>
            <a:endParaRPr lang="da-DK" dirty="0"/>
          </a:p>
        </p:txBody>
      </p:sp>
      <p:sp>
        <p:nvSpPr>
          <p:cNvPr id="3" name="Pladsholder til sidefod 2" hidden="1">
            <a:extLst>
              <a:ext uri="{FF2B5EF4-FFF2-40B4-BE49-F238E27FC236}">
                <a16:creationId xmlns:a16="http://schemas.microsoft.com/office/drawing/2014/main" id="{12DB7BA1-03F5-06D0-E1AA-1FCBE804A9E4}"/>
              </a:ext>
            </a:extLst>
          </p:cNvPr>
          <p:cNvSpPr>
            <a:spLocks noGrp="1"/>
          </p:cNvSpPr>
          <p:nvPr>
            <p:ph type="ftr" sz="quarter" idx="11"/>
          </p:nvPr>
        </p:nvSpPr>
        <p:spPr/>
        <p:txBody>
          <a:bodyPr/>
          <a:lstStyle/>
          <a:p>
            <a:endParaRPr lang="da-DK" dirty="0"/>
          </a:p>
        </p:txBody>
      </p:sp>
      <p:sp>
        <p:nvSpPr>
          <p:cNvPr id="4" name="Pladsholder til slidenummer 3" hidden="1">
            <a:extLst>
              <a:ext uri="{FF2B5EF4-FFF2-40B4-BE49-F238E27FC236}">
                <a16:creationId xmlns:a16="http://schemas.microsoft.com/office/drawing/2014/main" id="{3C4564E3-4D4A-8A2A-0722-87B91F841F8D}"/>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085641847"/>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CB7367D3-674B-48D7-95F9-EAC3851C3AF4}" type="datetime2">
              <a:rPr lang="da-DK" smtClean="0"/>
              <a:t>30. maj 2025</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da-DK" smtClean="0"/>
              <a:pPr/>
              <a:t>‹#›</a:t>
            </a:fld>
            <a:endParaRPr lang="da-DK" dirty="0"/>
          </a:p>
        </p:txBody>
      </p:sp>
      <p:sp>
        <p:nvSpPr>
          <p:cNvPr id="3" name="Text Box 3">
            <a:extLst>
              <a:ext uri="{FF2B5EF4-FFF2-40B4-BE49-F238E27FC236}">
                <a16:creationId xmlns:a16="http://schemas.microsoft.com/office/drawing/2014/main" id="{568FD9F8-7382-3BB1-E4DA-EF098D67DE3A}"/>
              </a:ext>
            </a:extLst>
          </p:cNvPr>
          <p:cNvSpPr txBox="1">
            <a:spLocks noChangeArrowheads="1"/>
          </p:cNvSpPr>
          <p:nvPr userDrawn="1"/>
        </p:nvSpPr>
        <p:spPr bwMode="auto">
          <a:xfrm>
            <a:off x="9540902" y="1166821"/>
            <a:ext cx="1678119"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altLang="da-DK" sz="1200" b="0" noProof="1">
                <a:solidFill>
                  <a:schemeClr val="tx1"/>
                </a:solidFill>
                <a:latin typeface="+mn-lt"/>
                <a:cs typeface="Arial" panose="020B0604020202020204" pitchFamily="34" charset="0"/>
              </a:rPr>
              <a:t>COPY/PASTE INDHOLD</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a:t>
            </a:r>
            <a:r>
              <a:rPr lang="da-DK" altLang="da-DK" sz="900" b="0" noProof="1">
                <a:solidFill>
                  <a:srgbClr val="000000"/>
                </a:solidFill>
                <a:latin typeface="+mn-lt"/>
                <a:cs typeface="Arial" panose="020B0604020202020204" pitchFamily="34" charset="0"/>
              </a:rPr>
              <a:t>Når din præsentation er klar, åbner du en tom præsentation (tryk Ctrl+N). Kopier alle dias fra den nye præsentation, indsæt dem i den tomme præsentation. Dette vil sikre, at der ikke er ekstra layouts</a:t>
            </a:r>
            <a:endParaRPr lang="da-DK" altLang="da-DK" sz="900" b="0"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b="0" kern="1200" dirty="0">
                <a:solidFill>
                  <a:schemeClr val="tx1"/>
                </a:solidFill>
                <a:latin typeface="+mn-lt"/>
                <a:ea typeface="+mn-ea"/>
                <a:cs typeface="Arial" panose="020B0604020202020204" pitchFamily="34" charset="0"/>
              </a:rPr>
              <a:t>Farver</a:t>
            </a:r>
            <a:br>
              <a:rPr lang="da-DK" sz="1200" b="0" kern="1200" noProof="1">
                <a:solidFill>
                  <a:schemeClr val="tx1"/>
                </a:solidFill>
                <a:latin typeface="+mn-lt"/>
                <a:ea typeface="+mn-ea"/>
                <a:cs typeface="Arial" panose="020B0604020202020204" pitchFamily="34" charset="0"/>
              </a:rPr>
            </a:br>
            <a:r>
              <a:rPr lang="da-DK" altLang="da-DK" sz="898" b="0" kern="1200" noProof="1">
                <a:solidFill>
                  <a:schemeClr val="tx1"/>
                </a:solidFill>
                <a:latin typeface="+mn-lt"/>
                <a:ea typeface="+mn-ea"/>
                <a:cs typeface="Arial" panose="020B0604020202020204" pitchFamily="34" charset="0"/>
              </a:rPr>
              <a:t>Brug kun de øverste farver i Temafarver og jeres Bruger-definerede farver</a:t>
            </a:r>
            <a:endParaRPr lang="da-DK" altLang="da-DK" sz="673" b="0" kern="1200" noProof="1">
              <a:solidFill>
                <a:schemeClr val="tx1"/>
              </a:solidFill>
              <a:latin typeface="+mn-lt"/>
              <a:ea typeface="+mn-ea"/>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9" name="Text Box 3">
            <a:extLst>
              <a:ext uri="{FF2B5EF4-FFF2-40B4-BE49-F238E27FC236}">
                <a16:creationId xmlns:a16="http://schemas.microsoft.com/office/drawing/2014/main" id="{B11F7A6F-088A-FC38-D8CA-09B99F42C331}"/>
              </a:ext>
            </a:extLst>
          </p:cNvPr>
          <p:cNvSpPr txBox="1">
            <a:spLocks noChangeArrowheads="1"/>
          </p:cNvSpPr>
          <p:nvPr userDrawn="1"/>
        </p:nvSpPr>
        <p:spPr bwMode="auto">
          <a:xfrm>
            <a:off x="3614300" y="1209600"/>
            <a:ext cx="2016000" cy="50212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200" dirty="0">
                <a:latin typeface="+mn-lt"/>
                <a:cs typeface="Arial" panose="020B0604020202020204" pitchFamily="34" charset="0"/>
              </a:rPr>
              <a:t>BILLEDER</a:t>
            </a:r>
            <a:br>
              <a:rPr lang="da-DK" sz="1600" dirty="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 hvis Templafy vinduet ikke er i højre side.</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Vælg billedepladsholder ved at klikke på rammen (helt ude i kant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3.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billeder</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Du kan søge efter billeder i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øge feltet</a:t>
            </a:r>
            <a:br>
              <a:rPr lang="da-DK" altLang="da-DK" sz="900" b="0" noProof="1">
                <a:solidFill>
                  <a:schemeClr val="tx1"/>
                </a:solidFill>
                <a:latin typeface="+mn-lt"/>
                <a:cs typeface="Arial" panose="020B0604020202020204" pitchFamily="34" charset="0"/>
              </a:rPr>
            </a:b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dirty="0"/>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dirty="0"/>
          </a:p>
        </p:txBody>
      </p:sp>
      <p:sp>
        <p:nvSpPr>
          <p:cNvPr id="10" name="Text Box 3">
            <a:extLst>
              <a:ext uri="{FF2B5EF4-FFF2-40B4-BE49-F238E27FC236}">
                <a16:creationId xmlns:a16="http://schemas.microsoft.com/office/drawing/2014/main" id="{911320DA-CD5F-674B-6AE0-27EE25CD8C82}"/>
              </a:ext>
            </a:extLst>
          </p:cNvPr>
          <p:cNvSpPr txBox="1">
            <a:spLocks noChangeArrowheads="1"/>
          </p:cNvSpPr>
          <p:nvPr userDrawn="1"/>
        </p:nvSpPr>
        <p:spPr bwMode="auto">
          <a:xfrm>
            <a:off x="6559058" y="1209600"/>
            <a:ext cx="1883535"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LIDES &amp; SLIDE ELEMENTS</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sz="900" b="0" kern="1200" baseline="0" dirty="0">
                <a:solidFill>
                  <a:schemeClr val="tx1"/>
                </a:solidFill>
                <a:latin typeface="+mn-lt"/>
                <a:ea typeface="+mn-ea"/>
                <a:cs typeface="Arial" panose="020B0604020202020204" pitchFamily="34" charset="0"/>
              </a:rPr>
              <a:t>Indsæt prædefineret slides og slideselementer fra Templafy knappen. Vælg Slides og Slide elements fra dropdown menuen eller knapperne i Templafy vinduet i højre side af skærm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sz="1200" dirty="0">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IDEHOVED &amp; -FOD</a:t>
            </a:r>
            <a:endParaRPr lang="da-DK" altLang="da-DK" sz="12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et enkelt slide</a:t>
            </a:r>
            <a:endParaRPr lang="da-DK" dirty="0"/>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1200" kern="1200" dirty="0">
                <a:solidFill>
                  <a:schemeClr val="tx1"/>
                </a:solidFill>
                <a:latin typeface="+mn-lt"/>
                <a:ea typeface="+mn-ea"/>
                <a:cs typeface="Arial" panose="020B0604020202020204" pitchFamily="34" charset="0"/>
              </a:rPr>
              <a:t>HJÆLPELINJER</a:t>
            </a:r>
            <a:endParaRPr lang="da-DK" altLang="da-DK" sz="1200" kern="1200" noProof="1">
              <a:solidFill>
                <a:schemeClr val="tx1"/>
              </a:solidFill>
              <a:latin typeface="+mn-lt"/>
              <a:ea typeface="+mn-ea"/>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dirty="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dirty="0"/>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11" name="Text Box 2">
            <a:extLst>
              <a:ext uri="{FF2B5EF4-FFF2-40B4-BE49-F238E27FC236}">
                <a16:creationId xmlns:a16="http://schemas.microsoft.com/office/drawing/2014/main" id="{046033EE-C9B4-1990-C42B-9397C107EF26}"/>
              </a:ext>
            </a:extLst>
          </p:cNvPr>
          <p:cNvSpPr txBox="1">
            <a:spLocks noChangeArrowheads="1"/>
          </p:cNvSpPr>
          <p:nvPr userDrawn="1"/>
        </p:nvSpPr>
        <p:spPr bwMode="auto">
          <a:xfrm>
            <a:off x="657735" y="1209600"/>
            <a:ext cx="1859179" cy="492500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TYPOGRAFIER</a:t>
            </a:r>
            <a:endParaRPr lang="da-DK" altLang="da-DK" sz="12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br>
              <a:rPr lang="da-DK" sz="900" b="1" baseline="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ætte korrekt bullet igen.</a:t>
            </a:r>
            <a:br>
              <a:rPr lang="da-DK" altLang="da-DK" sz="900" b="0" noProof="1">
                <a:solidFill>
                  <a:schemeClr val="tx1"/>
                </a:solidFill>
                <a:latin typeface="+mn-lt"/>
                <a:cs typeface="Arial" panose="020B0604020202020204" pitchFamily="34" charset="0"/>
              </a:rPr>
            </a:b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LIDES &amp; LAYOUTS</a:t>
            </a:r>
            <a:br>
              <a:rPr lang="da-DK" sz="1200" dirty="0">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endParaRPr lang="da-DK"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endParaRPr lang="da-DK"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13" name="Billede 12">
            <a:extLst>
              <a:ext uri="{FF2B5EF4-FFF2-40B4-BE49-F238E27FC236}">
                <a16:creationId xmlns:a16="http://schemas.microsoft.com/office/drawing/2014/main" id="{82D09ABA-46E9-2EAB-1CC9-362F41D47A69}"/>
              </a:ext>
            </a:extLst>
          </p:cNvPr>
          <p:cNvPicPr>
            <a:picLocks noChangeAspect="1"/>
          </p:cNvPicPr>
          <p:nvPr userDrawn="1"/>
        </p:nvPicPr>
        <p:blipFill>
          <a:blip r:embed="rId2"/>
          <a:stretch>
            <a:fillRect/>
          </a:stretch>
        </p:blipFill>
        <p:spPr>
          <a:xfrm>
            <a:off x="2748074" y="3933919"/>
            <a:ext cx="308589" cy="528030"/>
          </a:xfrm>
          <a:prstGeom prst="rect">
            <a:avLst/>
          </a:prstGeom>
        </p:spPr>
      </p:pic>
      <p:pic>
        <p:nvPicPr>
          <p:cNvPr id="14" name="Billede 13">
            <a:extLst>
              <a:ext uri="{FF2B5EF4-FFF2-40B4-BE49-F238E27FC236}">
                <a16:creationId xmlns:a16="http://schemas.microsoft.com/office/drawing/2014/main" id="{B412C8C2-D661-A62C-CC02-CB19DBBF6D25}"/>
              </a:ext>
            </a:extLst>
          </p:cNvPr>
          <p:cNvPicPr>
            <a:picLocks noChangeAspect="1"/>
          </p:cNvPicPr>
          <p:nvPr userDrawn="1"/>
        </p:nvPicPr>
        <p:blipFill rotWithShape="1">
          <a:blip r:embed="rId3"/>
          <a:srcRect l="3031"/>
          <a:stretch/>
        </p:blipFill>
        <p:spPr>
          <a:xfrm>
            <a:off x="2654040" y="5512534"/>
            <a:ext cx="496606" cy="172842"/>
          </a:xfrm>
          <a:prstGeom prst="rect">
            <a:avLst/>
          </a:prstGeom>
        </p:spPr>
      </p:pic>
      <p:pic>
        <p:nvPicPr>
          <p:cNvPr id="15" name="Picture 33">
            <a:extLst>
              <a:ext uri="{FF2B5EF4-FFF2-40B4-BE49-F238E27FC236}">
                <a16:creationId xmlns:a16="http://schemas.microsoft.com/office/drawing/2014/main" id="{66CE6200-470B-B94B-92C1-09333B3794BD}"/>
              </a:ext>
            </a:extLst>
          </p:cNvPr>
          <p:cNvPicPr>
            <a:picLocks noChangeAspect="1"/>
          </p:cNvPicPr>
          <p:nvPr userDrawn="1"/>
        </p:nvPicPr>
        <p:blipFill rotWithShape="1">
          <a:blip r:embed="rId4"/>
          <a:srcRect l="3901" t="45142" r="62601" b="9046"/>
          <a:stretch/>
        </p:blipFill>
        <p:spPr>
          <a:xfrm>
            <a:off x="5653432" y="3638578"/>
            <a:ext cx="341204" cy="321707"/>
          </a:xfrm>
          <a:prstGeom prst="rect">
            <a:avLst/>
          </a:prstGeom>
        </p:spPr>
      </p:pic>
      <p:pic>
        <p:nvPicPr>
          <p:cNvPr id="16" name="Billede 15">
            <a:extLst>
              <a:ext uri="{FF2B5EF4-FFF2-40B4-BE49-F238E27FC236}">
                <a16:creationId xmlns:a16="http://schemas.microsoft.com/office/drawing/2014/main" id="{57F8E778-FA94-C464-F2DE-AD49BEC4C46D}"/>
              </a:ext>
            </a:extLst>
          </p:cNvPr>
          <p:cNvPicPr>
            <a:picLocks noChangeAspect="1"/>
          </p:cNvPicPr>
          <p:nvPr userDrawn="1"/>
        </p:nvPicPr>
        <p:blipFill>
          <a:blip r:embed="rId5"/>
          <a:stretch>
            <a:fillRect/>
          </a:stretch>
        </p:blipFill>
        <p:spPr>
          <a:xfrm>
            <a:off x="5679590" y="4501858"/>
            <a:ext cx="366043" cy="480431"/>
          </a:xfrm>
          <a:prstGeom prst="rect">
            <a:avLst/>
          </a:prstGeom>
        </p:spPr>
      </p:pic>
      <p:sp>
        <p:nvSpPr>
          <p:cNvPr id="17" name="Fast overskrift">
            <a:extLst>
              <a:ext uri="{FF2B5EF4-FFF2-40B4-BE49-F238E27FC236}">
                <a16:creationId xmlns:a16="http://schemas.microsoft.com/office/drawing/2014/main" id="{ED54B34D-FE13-7F06-4D15-FE30FDBFFAD1}"/>
              </a:ext>
            </a:extLst>
          </p:cNvPr>
          <p:cNvSpPr txBox="1"/>
          <p:nvPr userDrawn="1"/>
        </p:nvSpPr>
        <p:spPr>
          <a:xfrm>
            <a:off x="647700" y="448713"/>
            <a:ext cx="10895013" cy="650171"/>
          </a:xfrm>
          <a:prstGeom prst="rect">
            <a:avLst/>
          </a:prstGeom>
          <a:noFill/>
        </p:spPr>
        <p:txBody>
          <a:bodyPr wrap="square" lIns="0" tIns="0" rIns="0" bIns="0" rtlCol="0" anchor="t" anchorCtr="0">
            <a:noAutofit/>
          </a:bodyPr>
          <a:lstStyle/>
          <a:p>
            <a:r>
              <a:rPr lang="da-DK" sz="3200" b="0" noProof="1">
                <a:solidFill>
                  <a:schemeClr val="tx1"/>
                </a:solidFill>
                <a:latin typeface="+mj-lt"/>
                <a:cs typeface="Arial" panose="020B0604020202020204" pitchFamily="34" charset="0"/>
              </a:rPr>
              <a:t>TIPS &amp; TRICKS - DIN BRUGERGUIDE</a:t>
            </a:r>
            <a:endParaRPr lang="da-DK" dirty="0"/>
          </a:p>
        </p:txBody>
      </p:sp>
      <p:pic>
        <p:nvPicPr>
          <p:cNvPr id="18" name="Billede 17">
            <a:extLst>
              <a:ext uri="{FF2B5EF4-FFF2-40B4-BE49-F238E27FC236}">
                <a16:creationId xmlns:a16="http://schemas.microsoft.com/office/drawing/2014/main" id="{116A7F14-DA1D-3132-1DFB-E0DFECB127F3}"/>
              </a:ext>
            </a:extLst>
          </p:cNvPr>
          <p:cNvPicPr>
            <a:picLocks noChangeAspect="1"/>
          </p:cNvPicPr>
          <p:nvPr userDrawn="1"/>
        </p:nvPicPr>
        <p:blipFill>
          <a:blip r:embed="rId6"/>
          <a:stretch>
            <a:fillRect/>
          </a:stretch>
        </p:blipFill>
        <p:spPr>
          <a:xfrm>
            <a:off x="8570357" y="3649190"/>
            <a:ext cx="440195" cy="543366"/>
          </a:xfrm>
          <a:prstGeom prst="rect">
            <a:avLst/>
          </a:prstGeom>
        </p:spPr>
      </p:pic>
      <p:grpSp>
        <p:nvGrpSpPr>
          <p:cNvPr id="19" name="Group 1">
            <a:extLst>
              <a:ext uri="{FF2B5EF4-FFF2-40B4-BE49-F238E27FC236}">
                <a16:creationId xmlns:a16="http://schemas.microsoft.com/office/drawing/2014/main" id="{CB292B6F-9509-350B-834A-400AD5D55145}"/>
              </a:ext>
            </a:extLst>
          </p:cNvPr>
          <p:cNvGrpSpPr/>
          <p:nvPr userDrawn="1"/>
        </p:nvGrpSpPr>
        <p:grpSpPr>
          <a:xfrm>
            <a:off x="5625443" y="1602450"/>
            <a:ext cx="473069" cy="697509"/>
            <a:chOff x="5582343" y="1833040"/>
            <a:chExt cx="676669" cy="997704"/>
          </a:xfrm>
        </p:grpSpPr>
        <p:pic>
          <p:nvPicPr>
            <p:cNvPr id="20" name="Billede 26">
              <a:extLst>
                <a:ext uri="{FF2B5EF4-FFF2-40B4-BE49-F238E27FC236}">
                  <a16:creationId xmlns:a16="http://schemas.microsoft.com/office/drawing/2014/main" id="{B9B32A5B-0148-38D7-0B10-65EDF226DBED}"/>
                </a:ext>
              </a:extLst>
            </p:cNvPr>
            <p:cNvPicPr>
              <a:picLocks noChangeAspect="1"/>
            </p:cNvPicPr>
            <p:nvPr userDrawn="1"/>
          </p:nvPicPr>
          <p:blipFill>
            <a:blip r:embed="rId7"/>
            <a:stretch>
              <a:fillRect/>
            </a:stretch>
          </p:blipFill>
          <p:spPr>
            <a:xfrm>
              <a:off x="5582343" y="1833040"/>
              <a:ext cx="305786" cy="365851"/>
            </a:xfrm>
            <a:prstGeom prst="rect">
              <a:avLst/>
            </a:prstGeom>
          </p:spPr>
        </p:pic>
        <p:pic>
          <p:nvPicPr>
            <p:cNvPr id="21" name="Billede 37">
              <a:extLst>
                <a:ext uri="{FF2B5EF4-FFF2-40B4-BE49-F238E27FC236}">
                  <a16:creationId xmlns:a16="http://schemas.microsoft.com/office/drawing/2014/main" id="{52AFAD94-7AF4-F5F5-4493-89D9D4706787}"/>
                </a:ext>
              </a:extLst>
            </p:cNvPr>
            <p:cNvPicPr>
              <a:picLocks noChangeAspect="1"/>
            </p:cNvPicPr>
            <p:nvPr userDrawn="1"/>
          </p:nvPicPr>
          <p:blipFill rotWithShape="1">
            <a:blip r:embed="rId8"/>
            <a:srcRect l="1432" t="16308" r="2422" b="1509"/>
            <a:stretch/>
          </p:blipFill>
          <p:spPr>
            <a:xfrm>
              <a:off x="5584159" y="2202255"/>
              <a:ext cx="674853" cy="628489"/>
            </a:xfrm>
            <a:prstGeom prst="rect">
              <a:avLst/>
            </a:prstGeom>
            <a:ln w="3175">
              <a:solidFill>
                <a:schemeClr val="bg1">
                  <a:lumMod val="95000"/>
                </a:schemeClr>
              </a:solidFill>
            </a:ln>
          </p:spPr>
        </p:pic>
      </p:grpSp>
      <p:pic>
        <p:nvPicPr>
          <p:cNvPr id="24" name="Picture 2" descr="C:\Users\MAV~1.SKA\AppData\Local\Temp\SNAGHTMLe48c1e.PNG">
            <a:extLst>
              <a:ext uri="{FF2B5EF4-FFF2-40B4-BE49-F238E27FC236}">
                <a16:creationId xmlns:a16="http://schemas.microsoft.com/office/drawing/2014/main" id="{1C42B114-65E3-B91E-A803-3C8991BA1103}"/>
              </a:ext>
            </a:extLst>
          </p:cNvPr>
          <p:cNvPicPr>
            <a:picLocks noChangeAspect="1" noChangeArrowheads="1"/>
          </p:cNvPicPr>
          <p:nvPr userDrawn="1"/>
        </p:nvPicPr>
        <p:blipFill>
          <a:blip r:embed="rId9">
            <a:extLst>
              <a:ext uri="{28A0092B-C50C-407E-A947-70E740481C1C}">
                <a14:useLocalDpi xmlns:a14="http://schemas.microsoft.com/office/drawing/2010/main" val="0"/>
              </a:ext>
            </a:extLst>
          </a:blip>
          <a:srcRect/>
          <a:stretch>
            <a:fillRect/>
          </a:stretch>
        </p:blipFill>
        <p:spPr bwMode="auto">
          <a:xfrm>
            <a:off x="8559732" y="1602450"/>
            <a:ext cx="514799" cy="770262"/>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9">
            <a:extLst>
              <a:ext uri="{FF2B5EF4-FFF2-40B4-BE49-F238E27FC236}">
                <a16:creationId xmlns:a16="http://schemas.microsoft.com/office/drawing/2014/main" id="{31A52162-9A87-0E22-6338-9F3F1B1D63FF}"/>
              </a:ext>
            </a:extLst>
          </p:cNvPr>
          <p:cNvPicPr>
            <a:picLocks noChangeAspect="1"/>
          </p:cNvPicPr>
          <p:nvPr userDrawn="1"/>
        </p:nvPicPr>
        <p:blipFill>
          <a:blip r:embed="rId10"/>
          <a:stretch>
            <a:fillRect/>
          </a:stretch>
        </p:blipFill>
        <p:spPr>
          <a:xfrm>
            <a:off x="2687184" y="2430525"/>
            <a:ext cx="457143" cy="257143"/>
          </a:xfrm>
          <a:prstGeom prst="rect">
            <a:avLst/>
          </a:prstGeom>
        </p:spPr>
      </p:pic>
      <p:pic>
        <p:nvPicPr>
          <p:cNvPr id="27" name="Picture 64">
            <a:extLst>
              <a:ext uri="{FF2B5EF4-FFF2-40B4-BE49-F238E27FC236}">
                <a16:creationId xmlns:a16="http://schemas.microsoft.com/office/drawing/2014/main" id="{2643CFC0-FE9F-1E1C-B667-C585DF839B02}"/>
              </a:ext>
            </a:extLst>
          </p:cNvPr>
          <p:cNvPicPr>
            <a:picLocks noChangeAspect="1"/>
          </p:cNvPicPr>
          <p:nvPr userDrawn="1"/>
        </p:nvPicPr>
        <p:blipFill>
          <a:blip r:embed="rId11"/>
          <a:stretch>
            <a:fillRect/>
          </a:stretch>
        </p:blipFill>
        <p:spPr>
          <a:xfrm>
            <a:off x="2679156" y="4742074"/>
            <a:ext cx="475428" cy="176762"/>
          </a:xfrm>
          <a:prstGeom prst="rect">
            <a:avLst/>
          </a:prstGeom>
        </p:spPr>
      </p:pic>
      <p:pic>
        <p:nvPicPr>
          <p:cNvPr id="29" name="Picture 2">
            <a:extLst>
              <a:ext uri="{FF2B5EF4-FFF2-40B4-BE49-F238E27FC236}">
                <a16:creationId xmlns:a16="http://schemas.microsoft.com/office/drawing/2014/main" id="{028DF4AA-A5A9-BA4A-BD41-D16AF99D3B59}"/>
              </a:ext>
            </a:extLst>
          </p:cNvPr>
          <p:cNvPicPr>
            <a:picLocks noChangeAspect="1"/>
          </p:cNvPicPr>
          <p:nvPr userDrawn="1"/>
        </p:nvPicPr>
        <p:blipFill>
          <a:blip r:embed="rId12"/>
          <a:stretch>
            <a:fillRect/>
          </a:stretch>
        </p:blipFill>
        <p:spPr>
          <a:xfrm>
            <a:off x="2748075" y="3050416"/>
            <a:ext cx="311940" cy="346599"/>
          </a:xfrm>
          <a:prstGeom prst="rect">
            <a:avLst/>
          </a:prstGeom>
        </p:spPr>
      </p:pic>
      <p:grpSp>
        <p:nvGrpSpPr>
          <p:cNvPr id="32" name="Gruppe 31">
            <a:extLst>
              <a:ext uri="{FF2B5EF4-FFF2-40B4-BE49-F238E27FC236}">
                <a16:creationId xmlns:a16="http://schemas.microsoft.com/office/drawing/2014/main" id="{FC2F6961-00D3-F436-E8B5-D223D62AA745}"/>
              </a:ext>
            </a:extLst>
          </p:cNvPr>
          <p:cNvGrpSpPr/>
          <p:nvPr userDrawn="1"/>
        </p:nvGrpSpPr>
        <p:grpSpPr>
          <a:xfrm>
            <a:off x="9570057" y="4830455"/>
            <a:ext cx="927343" cy="1578832"/>
            <a:chOff x="9563003" y="4406283"/>
            <a:chExt cx="1014851" cy="1727817"/>
          </a:xfrm>
        </p:grpSpPr>
        <p:pic>
          <p:nvPicPr>
            <p:cNvPr id="33" name="Billede 32">
              <a:extLst>
                <a:ext uri="{FF2B5EF4-FFF2-40B4-BE49-F238E27FC236}">
                  <a16:creationId xmlns:a16="http://schemas.microsoft.com/office/drawing/2014/main" id="{18222481-34D2-4B11-D683-22016351E1C2}"/>
                </a:ext>
              </a:extLst>
            </p:cNvPr>
            <p:cNvPicPr>
              <a:picLocks noChangeAspect="1"/>
            </p:cNvPicPr>
            <p:nvPr userDrawn="1"/>
          </p:nvPicPr>
          <p:blipFill rotWithShape="1">
            <a:blip r:embed="rId13"/>
            <a:srcRect b="16944"/>
            <a:stretch/>
          </p:blipFill>
          <p:spPr>
            <a:xfrm>
              <a:off x="9563003" y="4406283"/>
              <a:ext cx="1002694" cy="1727817"/>
            </a:xfrm>
            <a:prstGeom prst="rect">
              <a:avLst/>
            </a:prstGeom>
          </p:spPr>
        </p:pic>
        <p:sp>
          <p:nvSpPr>
            <p:cNvPr id="35" name="Rectangle 51">
              <a:extLst>
                <a:ext uri="{FF2B5EF4-FFF2-40B4-BE49-F238E27FC236}">
                  <a16:creationId xmlns:a16="http://schemas.microsoft.com/office/drawing/2014/main" id="{BD472571-0114-1975-F595-FCA1E72B8BE9}"/>
                </a:ext>
              </a:extLst>
            </p:cNvPr>
            <p:cNvSpPr/>
            <p:nvPr userDrawn="1"/>
          </p:nvSpPr>
          <p:spPr>
            <a:xfrm>
              <a:off x="9575644" y="4569041"/>
              <a:ext cx="988783" cy="133165"/>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6" dirty="0" err="1"/>
            </a:p>
          </p:txBody>
        </p:sp>
        <p:grpSp>
          <p:nvGrpSpPr>
            <p:cNvPr id="37" name="Gruppe 36">
              <a:extLst>
                <a:ext uri="{FF2B5EF4-FFF2-40B4-BE49-F238E27FC236}">
                  <a16:creationId xmlns:a16="http://schemas.microsoft.com/office/drawing/2014/main" id="{272AD605-6BF3-BDC0-ABA3-1D72C5FD2DB6}"/>
                </a:ext>
              </a:extLst>
            </p:cNvPr>
            <p:cNvGrpSpPr/>
            <p:nvPr userDrawn="1"/>
          </p:nvGrpSpPr>
          <p:grpSpPr>
            <a:xfrm>
              <a:off x="9584924" y="4747897"/>
              <a:ext cx="992930" cy="402799"/>
              <a:chOff x="9568024" y="4815440"/>
              <a:chExt cx="1249527" cy="506891"/>
            </a:xfrm>
          </p:grpSpPr>
          <p:cxnSp>
            <p:nvCxnSpPr>
              <p:cNvPr id="48" name="Straight Connector 52">
                <a:extLst>
                  <a:ext uri="{FF2B5EF4-FFF2-40B4-BE49-F238E27FC236}">
                    <a16:creationId xmlns:a16="http://schemas.microsoft.com/office/drawing/2014/main" id="{8193D6AB-3339-DC63-8D63-3A95A1866B39}"/>
                  </a:ext>
                </a:extLst>
              </p:cNvPr>
              <p:cNvCxnSpPr>
                <a:cxnSpLocks/>
              </p:cNvCxnSpPr>
              <p:nvPr userDrawn="1"/>
            </p:nvCxnSpPr>
            <p:spPr>
              <a:xfrm>
                <a:off x="9568024" y="4815440"/>
                <a:ext cx="1249527" cy="506891"/>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50" name="Straight Connector 53">
                <a:extLst>
                  <a:ext uri="{FF2B5EF4-FFF2-40B4-BE49-F238E27FC236}">
                    <a16:creationId xmlns:a16="http://schemas.microsoft.com/office/drawing/2014/main" id="{AF3549FB-8B33-0992-E724-F9082308A049}"/>
                  </a:ext>
                </a:extLst>
              </p:cNvPr>
              <p:cNvCxnSpPr>
                <a:cxnSpLocks/>
              </p:cNvCxnSpPr>
              <p:nvPr userDrawn="1"/>
            </p:nvCxnSpPr>
            <p:spPr>
              <a:xfrm flipV="1">
                <a:off x="9568024" y="4821266"/>
                <a:ext cx="1235300" cy="50106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grpSp>
          <p:nvGrpSpPr>
            <p:cNvPr id="40" name="Gruppe 39">
              <a:extLst>
                <a:ext uri="{FF2B5EF4-FFF2-40B4-BE49-F238E27FC236}">
                  <a16:creationId xmlns:a16="http://schemas.microsoft.com/office/drawing/2014/main" id="{F7D3E181-D486-8097-BDB1-B3B673E2F6CF}"/>
                </a:ext>
              </a:extLst>
            </p:cNvPr>
            <p:cNvGrpSpPr/>
            <p:nvPr userDrawn="1"/>
          </p:nvGrpSpPr>
          <p:grpSpPr>
            <a:xfrm>
              <a:off x="9593401" y="5998346"/>
              <a:ext cx="958854" cy="95494"/>
              <a:chOff x="9575645" y="6130879"/>
              <a:chExt cx="1232621" cy="122759"/>
            </a:xfrm>
          </p:grpSpPr>
          <p:cxnSp>
            <p:nvCxnSpPr>
              <p:cNvPr id="42" name="Straight Connector 54">
                <a:extLst>
                  <a:ext uri="{FF2B5EF4-FFF2-40B4-BE49-F238E27FC236}">
                    <a16:creationId xmlns:a16="http://schemas.microsoft.com/office/drawing/2014/main" id="{3252C7FB-A823-FDAC-5E63-A75BD9527122}"/>
                  </a:ext>
                </a:extLst>
              </p:cNvPr>
              <p:cNvCxnSpPr>
                <a:cxnSpLocks/>
              </p:cNvCxnSpPr>
              <p:nvPr userDrawn="1"/>
            </p:nvCxnSpPr>
            <p:spPr>
              <a:xfrm>
                <a:off x="9575645" y="6130879"/>
                <a:ext cx="1229914" cy="12275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5" name="Straight Connector 55">
                <a:extLst>
                  <a:ext uri="{FF2B5EF4-FFF2-40B4-BE49-F238E27FC236}">
                    <a16:creationId xmlns:a16="http://schemas.microsoft.com/office/drawing/2014/main" id="{D7A6292C-68E7-6807-502B-637FC6A83C89}"/>
                  </a:ext>
                </a:extLst>
              </p:cNvPr>
              <p:cNvCxnSpPr>
                <a:cxnSpLocks/>
              </p:cNvCxnSpPr>
              <p:nvPr userDrawn="1"/>
            </p:nvCxnSpPr>
            <p:spPr>
              <a:xfrm flipV="1">
                <a:off x="9575645" y="6130880"/>
                <a:ext cx="1232621" cy="12275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1" name="Rectangle 51">
              <a:extLst>
                <a:ext uri="{FF2B5EF4-FFF2-40B4-BE49-F238E27FC236}">
                  <a16:creationId xmlns:a16="http://schemas.microsoft.com/office/drawing/2014/main" id="{27004CDE-31CC-CBE6-689B-3F1C4240BCC1}"/>
                </a:ext>
              </a:extLst>
            </p:cNvPr>
            <p:cNvSpPr/>
            <p:nvPr userDrawn="1"/>
          </p:nvSpPr>
          <p:spPr>
            <a:xfrm>
              <a:off x="9575644" y="5233387"/>
              <a:ext cx="988783" cy="575568"/>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6" dirty="0" err="1"/>
            </a:p>
          </p:txBody>
        </p:sp>
      </p:grpSp>
      <p:cxnSp>
        <p:nvCxnSpPr>
          <p:cNvPr id="51" name="Straight Connector 8">
            <a:extLst>
              <a:ext uri="{FF2B5EF4-FFF2-40B4-BE49-F238E27FC236}">
                <a16:creationId xmlns:a16="http://schemas.microsoft.com/office/drawing/2014/main" id="{19C9CDDD-5EAD-ADDF-FC3B-220732A39D03}"/>
              </a:ext>
            </a:extLst>
          </p:cNvPr>
          <p:cNvCxnSpPr>
            <a:cxnSpLocks/>
          </p:cNvCxnSpPr>
          <p:nvPr userDrawn="1"/>
        </p:nvCxnSpPr>
        <p:spPr>
          <a:xfrm>
            <a:off x="3249649" y="1240357"/>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7" name="Straight Connector 12">
            <a:extLst>
              <a:ext uri="{FF2B5EF4-FFF2-40B4-BE49-F238E27FC236}">
                <a16:creationId xmlns:a16="http://schemas.microsoft.com/office/drawing/2014/main" id="{34644ACD-A5CF-2875-4403-FDE6BA819B2A}"/>
              </a:ext>
            </a:extLst>
          </p:cNvPr>
          <p:cNvCxnSpPr>
            <a:cxnSpLocks/>
          </p:cNvCxnSpPr>
          <p:nvPr userDrawn="1"/>
        </p:nvCxnSpPr>
        <p:spPr>
          <a:xfrm>
            <a:off x="2585274" y="1240357"/>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8" name="Straight Connector 14">
            <a:extLst>
              <a:ext uri="{FF2B5EF4-FFF2-40B4-BE49-F238E27FC236}">
                <a16:creationId xmlns:a16="http://schemas.microsoft.com/office/drawing/2014/main" id="{0E63BC5D-60E5-7DDF-8751-92422DB20CF1}"/>
              </a:ext>
            </a:extLst>
          </p:cNvPr>
          <p:cNvCxnSpPr>
            <a:cxnSpLocks/>
          </p:cNvCxnSpPr>
          <p:nvPr userDrawn="1"/>
        </p:nvCxnSpPr>
        <p:spPr>
          <a:xfrm>
            <a:off x="6199484" y="1240357"/>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9" name="Straight Connector 15">
            <a:extLst>
              <a:ext uri="{FF2B5EF4-FFF2-40B4-BE49-F238E27FC236}">
                <a16:creationId xmlns:a16="http://schemas.microsoft.com/office/drawing/2014/main" id="{4A3A0D13-937F-28E2-9660-D0542682D199}"/>
              </a:ext>
            </a:extLst>
          </p:cNvPr>
          <p:cNvCxnSpPr>
            <a:cxnSpLocks/>
          </p:cNvCxnSpPr>
          <p:nvPr userDrawn="1"/>
        </p:nvCxnSpPr>
        <p:spPr>
          <a:xfrm>
            <a:off x="5535109" y="1240357"/>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0" name="Straight Connector 68">
            <a:extLst>
              <a:ext uri="{FF2B5EF4-FFF2-40B4-BE49-F238E27FC236}">
                <a16:creationId xmlns:a16="http://schemas.microsoft.com/office/drawing/2014/main" id="{F8C253B0-449D-5967-0269-F1BA0F0779C1}"/>
              </a:ext>
            </a:extLst>
          </p:cNvPr>
          <p:cNvCxnSpPr>
            <a:cxnSpLocks/>
          </p:cNvCxnSpPr>
          <p:nvPr userDrawn="1"/>
        </p:nvCxnSpPr>
        <p:spPr>
          <a:xfrm>
            <a:off x="9149319" y="1209600"/>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1" name="Straight Connector 69">
            <a:extLst>
              <a:ext uri="{FF2B5EF4-FFF2-40B4-BE49-F238E27FC236}">
                <a16:creationId xmlns:a16="http://schemas.microsoft.com/office/drawing/2014/main" id="{37457BFF-5C68-8EFE-7E9C-F5C743B63FB5}"/>
              </a:ext>
            </a:extLst>
          </p:cNvPr>
          <p:cNvCxnSpPr>
            <a:cxnSpLocks/>
          </p:cNvCxnSpPr>
          <p:nvPr userDrawn="1"/>
        </p:nvCxnSpPr>
        <p:spPr>
          <a:xfrm>
            <a:off x="8484944" y="1209600"/>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3" name="Straight Connector 73">
            <a:extLst>
              <a:ext uri="{FF2B5EF4-FFF2-40B4-BE49-F238E27FC236}">
                <a16:creationId xmlns:a16="http://schemas.microsoft.com/office/drawing/2014/main" id="{5233C6B9-FADA-DB57-1775-606C8BAA9FFA}"/>
              </a:ext>
            </a:extLst>
          </p:cNvPr>
          <p:cNvCxnSpPr>
            <a:cxnSpLocks/>
          </p:cNvCxnSpPr>
          <p:nvPr userDrawn="1"/>
        </p:nvCxnSpPr>
        <p:spPr>
          <a:xfrm>
            <a:off x="11466847" y="1209600"/>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0800457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Forside billede C">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p>
        </p:txBody>
      </p:sp>
      <p:sp>
        <p:nvSpPr>
          <p:cNvPr id="44" name="Titel/navn kasse">
            <a:extLst>
              <a:ext uri="{FF2B5EF4-FFF2-40B4-BE49-F238E27FC236}">
                <a16:creationId xmlns:a16="http://schemas.microsoft.com/office/drawing/2014/main" id="{7DF60BF7-E188-EE7A-FF4A-E65E9B3570A0}"/>
              </a:ext>
            </a:extLst>
          </p:cNvPr>
          <p:cNvSpPr>
            <a:spLocks noGrp="1" noRot="1" noChangeAspect="1" noMove="1" noResize="1" noEditPoints="1" noAdjustHandles="1" noChangeArrowheads="1" noChangeShapeType="1"/>
          </p:cNvSpPr>
          <p:nvPr userDrawn="1"/>
        </p:nvSpPr>
        <p:spPr>
          <a:xfrm>
            <a:off x="388799" y="388800"/>
            <a:ext cx="6598800" cy="4817430"/>
          </a:xfrm>
          <a:custGeom>
            <a:avLst/>
            <a:gdLst>
              <a:gd name="connsiteX0" fmla="*/ 0 w 6598800"/>
              <a:gd name="connsiteY0" fmla="*/ 0 h 4817430"/>
              <a:gd name="connsiteX1" fmla="*/ 533241 w 6598800"/>
              <a:gd name="connsiteY1" fmla="*/ 0 h 4817430"/>
              <a:gd name="connsiteX2" fmla="*/ 1618021 w 6598800"/>
              <a:gd name="connsiteY2" fmla="*/ 0 h 4817430"/>
              <a:gd name="connsiteX3" fmla="*/ 6065559 w 6598800"/>
              <a:gd name="connsiteY3" fmla="*/ 0 h 4817430"/>
              <a:gd name="connsiteX4" fmla="*/ 6598800 w 6598800"/>
              <a:gd name="connsiteY4" fmla="*/ 533241 h 4817430"/>
              <a:gd name="connsiteX5" fmla="*/ 6598800 w 6598800"/>
              <a:gd name="connsiteY5" fmla="*/ 4284189 h 4817430"/>
              <a:gd name="connsiteX6" fmla="*/ 6065559 w 6598800"/>
              <a:gd name="connsiteY6" fmla="*/ 4817430 h 4817430"/>
              <a:gd name="connsiteX7" fmla="*/ 533241 w 6598800"/>
              <a:gd name="connsiteY7" fmla="*/ 4817430 h 4817430"/>
              <a:gd name="connsiteX8" fmla="*/ 0 w 6598800"/>
              <a:gd name="connsiteY8" fmla="*/ 4284189 h 4817430"/>
              <a:gd name="connsiteX9" fmla="*/ 0 w 6598800"/>
              <a:gd name="connsiteY9" fmla="*/ 1618021 h 4817430"/>
              <a:gd name="connsiteX10" fmla="*/ 0 w 6598800"/>
              <a:gd name="connsiteY10" fmla="*/ 533241 h 48174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598800" h="4817430">
                <a:moveTo>
                  <a:pt x="0" y="0"/>
                </a:moveTo>
                <a:lnTo>
                  <a:pt x="533241" y="0"/>
                </a:lnTo>
                <a:lnTo>
                  <a:pt x="1618021" y="0"/>
                </a:lnTo>
                <a:lnTo>
                  <a:pt x="6065559" y="0"/>
                </a:lnTo>
                <a:cubicBezTo>
                  <a:pt x="6360060" y="0"/>
                  <a:pt x="6598800" y="238740"/>
                  <a:pt x="6598800" y="533241"/>
                </a:cubicBezTo>
                <a:lnTo>
                  <a:pt x="6598800" y="4284189"/>
                </a:lnTo>
                <a:cubicBezTo>
                  <a:pt x="6598800" y="4578690"/>
                  <a:pt x="6360060" y="4817430"/>
                  <a:pt x="6065559" y="4817430"/>
                </a:cubicBezTo>
                <a:lnTo>
                  <a:pt x="533241" y="4817430"/>
                </a:lnTo>
                <a:cubicBezTo>
                  <a:pt x="238740" y="4817430"/>
                  <a:pt x="0" y="4578690"/>
                  <a:pt x="0" y="4284189"/>
                </a:cubicBezTo>
                <a:lnTo>
                  <a:pt x="0" y="1618021"/>
                </a:lnTo>
                <a:lnTo>
                  <a:pt x="0" y="533241"/>
                </a:lnTo>
                <a:close/>
              </a:path>
            </a:pathLst>
          </a:custGeom>
          <a:solidFill>
            <a:srgbClr val="8DC8E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8000" y="648000"/>
            <a:ext cx="4057349" cy="3060000"/>
          </a:xfrm>
        </p:spPr>
        <p:txBody>
          <a:bodyPr anchor="t" anchorCtr="0"/>
          <a:lstStyle>
            <a:lvl1pPr algn="l">
              <a:defRPr sz="4400">
                <a:solidFill>
                  <a:schemeClr val="accent1"/>
                </a:solidFill>
              </a:defRPr>
            </a:lvl1pPr>
          </a:lstStyle>
          <a:p>
            <a:r>
              <a:rPr lang="da-DK" dirty="0"/>
              <a:t>Klik for at indsætte overskrift – </a:t>
            </a:r>
            <a:br>
              <a:rPr lang="da-DK" dirty="0"/>
            </a:br>
            <a:r>
              <a:rPr lang="da-DK" dirty="0"/>
              <a:t>max. fem linjer</a:t>
            </a:r>
          </a:p>
        </p:txBody>
      </p:sp>
      <p:sp>
        <p:nvSpPr>
          <p:cNvPr id="46" name="Pladsholder til tekst navn">
            <a:extLst>
              <a:ext uri="{FF2B5EF4-FFF2-40B4-BE49-F238E27FC236}">
                <a16:creationId xmlns:a16="http://schemas.microsoft.com/office/drawing/2014/main" id="{45479F02-9280-6162-F05B-91F5EF7275D6}"/>
              </a:ext>
            </a:extLst>
          </p:cNvPr>
          <p:cNvSpPr>
            <a:spLocks noGrp="1"/>
          </p:cNvSpPr>
          <p:nvPr>
            <p:ph type="body" sz="quarter" idx="18" hasCustomPrompt="1"/>
          </p:nvPr>
        </p:nvSpPr>
        <p:spPr>
          <a:xfrm>
            <a:off x="648000" y="4389225"/>
            <a:ext cx="5576400" cy="324000"/>
          </a:xfrm>
        </p:spPr>
        <p:txBody>
          <a:bodyPr/>
          <a:lstStyle>
            <a:lvl1pPr marL="0" indent="0">
              <a:lnSpc>
                <a:spcPct val="100000"/>
              </a:lnSpc>
              <a:spcAft>
                <a:spcPts val="0"/>
              </a:spcAft>
              <a:buNone/>
              <a:defRPr sz="2000" b="1">
                <a:solidFill>
                  <a:schemeClr val="accent1"/>
                </a:solidFill>
              </a:defRPr>
            </a:lvl1pPr>
            <a:lvl2pPr marL="0" indent="0">
              <a:lnSpc>
                <a:spcPct val="100000"/>
              </a:lnSpc>
              <a:spcAft>
                <a:spcPts val="0"/>
              </a:spcAft>
              <a:buNone/>
              <a:defRPr sz="2000" b="1">
                <a:solidFill>
                  <a:schemeClr val="accent1"/>
                </a:solidFill>
              </a:defRPr>
            </a:lvl2pPr>
            <a:lvl3pPr marL="0" indent="0">
              <a:lnSpc>
                <a:spcPct val="100000"/>
              </a:lnSpc>
              <a:spcAft>
                <a:spcPts val="0"/>
              </a:spcAft>
              <a:buNone/>
              <a:defRPr sz="2000" b="1">
                <a:solidFill>
                  <a:schemeClr val="accent1"/>
                </a:solidFill>
              </a:defRPr>
            </a:lvl3pPr>
            <a:lvl4pPr marL="0">
              <a:lnSpc>
                <a:spcPct val="100000"/>
              </a:lnSpc>
              <a:spcAft>
                <a:spcPts val="0"/>
              </a:spcAft>
              <a:buNone/>
              <a:defRPr sz="2000" b="1">
                <a:solidFill>
                  <a:schemeClr val="accent1"/>
                </a:solidFill>
              </a:defRPr>
            </a:lvl4pPr>
            <a:lvl5pPr marL="0">
              <a:lnSpc>
                <a:spcPct val="100000"/>
              </a:lnSpc>
              <a:spcAft>
                <a:spcPts val="0"/>
              </a:spcAft>
              <a:buNone/>
              <a:defRPr sz="2000" b="1">
                <a:solidFill>
                  <a:schemeClr val="accent1"/>
                </a:solidFill>
              </a:defRPr>
            </a:lvl5pPr>
            <a:lvl6pPr marL="0" indent="0">
              <a:lnSpc>
                <a:spcPct val="100000"/>
              </a:lnSpc>
              <a:spcAft>
                <a:spcPts val="0"/>
              </a:spcAft>
              <a:buNone/>
              <a:defRPr sz="2000" b="1">
                <a:solidFill>
                  <a:schemeClr val="accent1"/>
                </a:solidFill>
              </a:defRPr>
            </a:lvl6pPr>
            <a:lvl7pPr marL="0">
              <a:lnSpc>
                <a:spcPct val="100000"/>
              </a:lnSpc>
              <a:spcAft>
                <a:spcPts val="0"/>
              </a:spcAft>
              <a:buNone/>
              <a:defRPr sz="2000" b="1">
                <a:solidFill>
                  <a:schemeClr val="accent1"/>
                </a:solidFill>
              </a:defRPr>
            </a:lvl7pPr>
            <a:lvl8pPr marL="0">
              <a:lnSpc>
                <a:spcPct val="100000"/>
              </a:lnSpc>
              <a:spcAft>
                <a:spcPts val="0"/>
              </a:spcAft>
              <a:buNone/>
              <a:defRPr sz="2000" b="1">
                <a:solidFill>
                  <a:schemeClr val="accent1"/>
                </a:solidFill>
              </a:defRPr>
            </a:lvl8pPr>
            <a:lvl9pPr marL="0">
              <a:lnSpc>
                <a:spcPct val="100000"/>
              </a:lnSpc>
              <a:spcAft>
                <a:spcPts val="0"/>
              </a:spcAft>
              <a:buNone/>
              <a:defRPr sz="2000" b="1">
                <a:solidFill>
                  <a:schemeClr val="accent1"/>
                </a:solidFill>
              </a:defRPr>
            </a:lvl9pPr>
          </a:lstStyle>
          <a:p>
            <a:pPr lvl="0"/>
            <a:r>
              <a:rPr lang="da-DK" dirty="0"/>
              <a:t>Klik og indsæt fornavn og efternavn</a:t>
            </a:r>
          </a:p>
        </p:txBody>
      </p:sp>
      <p:sp>
        <p:nvSpPr>
          <p:cNvPr id="4" name="Date Placeholder 6">
            <a:extLst>
              <a:ext uri="{FF2B5EF4-FFF2-40B4-BE49-F238E27FC236}">
                <a16:creationId xmlns:a16="http://schemas.microsoft.com/office/drawing/2014/main" id="{FE82FFA3-0253-2F7D-9644-43789BEC2E36}"/>
              </a:ext>
            </a:extLst>
          </p:cNvPr>
          <p:cNvSpPr>
            <a:spLocks noGrp="1"/>
          </p:cNvSpPr>
          <p:nvPr>
            <p:ph type="dt" sz="half" idx="15"/>
          </p:nvPr>
        </p:nvSpPr>
        <p:spPr>
          <a:xfrm>
            <a:off x="648000" y="4680893"/>
            <a:ext cx="5576400" cy="324000"/>
          </a:xfrm>
          <a:prstGeom prst="rect">
            <a:avLst/>
          </a:prstGeom>
        </p:spPr>
        <p:txBody>
          <a:bodyPr anchor="t" anchorCtr="0"/>
          <a:lstStyle>
            <a:lvl1pPr algn="l">
              <a:defRPr sz="2000">
                <a:solidFill>
                  <a:schemeClr val="accent1"/>
                </a:solidFill>
              </a:defRPr>
            </a:lvl1pPr>
          </a:lstStyle>
          <a:p>
            <a:fld id="{6EA3C555-07D8-48FC-8D68-BF0F4B4F7844}" type="datetime2">
              <a:rPr lang="da-DK" smtClean="0"/>
              <a:pPr/>
              <a:t>30. maj 2025</a:t>
            </a:fld>
            <a:endParaRPr lang="da-DK" dirty="0"/>
          </a:p>
        </p:txBody>
      </p:sp>
      <p:pic>
        <p:nvPicPr>
          <p:cNvPr id="5" name="Dynamic cover logo hvid" descr="{&quot;templafy&quot;:{&quot;id&quot;:&quot;43b16df3-2e2a-4d8d-bbb5-7c890c5a356a&quot;}}">
            <a:extLst>
              <a:ext uri="{FF2B5EF4-FFF2-40B4-BE49-F238E27FC236}">
                <a16:creationId xmlns:a16="http://schemas.microsoft.com/office/drawing/2014/main" id="{23CD993A-976B-40D5-92B3-61963556922A}"/>
              </a:ext>
            </a:extLst>
          </p:cNvPr>
          <p:cNvPicPr>
            <a:picLocks noChangeAspect="1"/>
          </p:cNvPicPr>
          <p:nvPr userDrawn="1"/>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1788518832"/>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Forside billede D">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B9D254C8-3CF1-61FB-D1B5-12181816FD81}"/>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91CD3CCE-C6CC-49D5-87B5-317FF0CBE116}" type="datetime2">
              <a:rPr lang="da-DK" smtClean="0"/>
              <a:t>30. maj 2025</a:t>
            </a:fld>
            <a:endParaRPr lang="da-DK" dirty="0"/>
          </a:p>
        </p:txBody>
      </p:sp>
      <p:sp>
        <p:nvSpPr>
          <p:cNvPr id="11" name="Footer Placeholder 8" hidden="1">
            <a:extLst>
              <a:ext uri="{FF2B5EF4-FFF2-40B4-BE49-F238E27FC236}">
                <a16:creationId xmlns:a16="http://schemas.microsoft.com/office/drawing/2014/main" id="{7AC1EA72-2ABB-A105-6A9A-CF2A2F6E8890}"/>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38A0F504-3DCC-14C8-F974-E890C35FE8B8}"/>
              </a:ext>
            </a:extLst>
          </p:cNvPr>
          <p:cNvSpPr>
            <a:spLocks noGrp="1" noRot="1" noMove="1" noResize="1" noEditPoints="1" noAdjustHandles="1" noChangeArrowheads="1" noChangeShapeType="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2" name="Title 1">
            <a:extLst>
              <a:ext uri="{FF2B5EF4-FFF2-40B4-BE49-F238E27FC236}">
                <a16:creationId xmlns:a16="http://schemas.microsoft.com/office/drawing/2014/main" id="{BAA1FC40-0E07-46B2-80F9-1324562DE668}"/>
              </a:ext>
            </a:extLst>
          </p:cNvPr>
          <p:cNvSpPr>
            <a:spLocks noGrp="1"/>
          </p:cNvSpPr>
          <p:nvPr>
            <p:ph type="title" hasCustomPrompt="1"/>
          </p:nvPr>
        </p:nvSpPr>
        <p:spPr/>
        <p:txBody>
          <a:bodyPr/>
          <a:lstStyle>
            <a:lvl1pPr>
              <a:defRPr sz="4800">
                <a:solidFill>
                  <a:schemeClr val="bg1"/>
                </a:solidFill>
              </a:defRPr>
            </a:lvl1pPr>
          </a:lstStyle>
          <a:p>
            <a:r>
              <a:rPr lang="da-DK" dirty="0"/>
              <a:t>Overskriften flyttes op eller ned afhængig af motiv i foto. Max. 2 linjer</a:t>
            </a:r>
          </a:p>
        </p:txBody>
      </p:sp>
      <p:sp>
        <p:nvSpPr>
          <p:cNvPr id="4" name="TextBox 16">
            <a:extLst>
              <a:ext uri="{FF2B5EF4-FFF2-40B4-BE49-F238E27FC236}">
                <a16:creationId xmlns:a16="http://schemas.microsoft.com/office/drawing/2014/main" id="{FEB0DF23-2BCC-CAD7-380E-9DB66BFF5E6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p>
        </p:txBody>
      </p:sp>
      <p:sp>
        <p:nvSpPr>
          <p:cNvPr id="6" name="Pladsholder til tekst 5">
            <a:extLst>
              <a:ext uri="{FF2B5EF4-FFF2-40B4-BE49-F238E27FC236}">
                <a16:creationId xmlns:a16="http://schemas.microsoft.com/office/drawing/2014/main" id="{F6C734C7-BFE5-3D6F-DACF-E24F16203A41}"/>
              </a:ext>
            </a:extLst>
          </p:cNvPr>
          <p:cNvSpPr>
            <a:spLocks noGrp="1"/>
          </p:cNvSpPr>
          <p:nvPr>
            <p:ph type="body" sz="quarter" idx="18" hasCustomPrompt="1"/>
          </p:nvPr>
        </p:nvSpPr>
        <p:spPr>
          <a:xfrm>
            <a:off x="8619565" y="3854727"/>
            <a:ext cx="2923147" cy="1850037"/>
          </a:xfrm>
          <a:custGeom>
            <a:avLst/>
            <a:gdLst>
              <a:gd name="connsiteX0" fmla="*/ 0 w 2787650"/>
              <a:gd name="connsiteY0" fmla="*/ 179816 h 1764282"/>
              <a:gd name="connsiteX1" fmla="*/ 179816 w 2787650"/>
              <a:gd name="connsiteY1" fmla="*/ 0 h 1764282"/>
              <a:gd name="connsiteX2" fmla="*/ 2607834 w 2787650"/>
              <a:gd name="connsiteY2" fmla="*/ 0 h 1764282"/>
              <a:gd name="connsiteX3" fmla="*/ 2787650 w 2787650"/>
              <a:gd name="connsiteY3" fmla="*/ 179816 h 1764282"/>
              <a:gd name="connsiteX4" fmla="*/ 2787650 w 2787650"/>
              <a:gd name="connsiteY4" fmla="*/ 1584466 h 1764282"/>
              <a:gd name="connsiteX5" fmla="*/ 2607834 w 2787650"/>
              <a:gd name="connsiteY5" fmla="*/ 1764282 h 1764282"/>
              <a:gd name="connsiteX6" fmla="*/ 179816 w 2787650"/>
              <a:gd name="connsiteY6" fmla="*/ 1764282 h 1764282"/>
              <a:gd name="connsiteX7" fmla="*/ 0 w 2787650"/>
              <a:gd name="connsiteY7" fmla="*/ 1584466 h 1764282"/>
              <a:gd name="connsiteX8" fmla="*/ 0 w 2787650"/>
              <a:gd name="connsiteY8" fmla="*/ 179816 h 1764282"/>
              <a:gd name="connsiteX0" fmla="*/ 3 w 2787653"/>
              <a:gd name="connsiteY0" fmla="*/ 179816 h 1764282"/>
              <a:gd name="connsiteX1" fmla="*/ 179819 w 2787653"/>
              <a:gd name="connsiteY1" fmla="*/ 0 h 1764282"/>
              <a:gd name="connsiteX2" fmla="*/ 2607837 w 2787653"/>
              <a:gd name="connsiteY2" fmla="*/ 0 h 1764282"/>
              <a:gd name="connsiteX3" fmla="*/ 2787653 w 2787653"/>
              <a:gd name="connsiteY3" fmla="*/ 179816 h 1764282"/>
              <a:gd name="connsiteX4" fmla="*/ 2787653 w 2787653"/>
              <a:gd name="connsiteY4" fmla="*/ 1584466 h 1764282"/>
              <a:gd name="connsiteX5" fmla="*/ 2607837 w 2787653"/>
              <a:gd name="connsiteY5" fmla="*/ 1764282 h 1764282"/>
              <a:gd name="connsiteX6" fmla="*/ 179819 w 2787653"/>
              <a:gd name="connsiteY6" fmla="*/ 1764282 h 1764282"/>
              <a:gd name="connsiteX7" fmla="*/ 3 w 2787653"/>
              <a:gd name="connsiteY7" fmla="*/ 1584466 h 1764282"/>
              <a:gd name="connsiteX8" fmla="*/ 3 w 2787653"/>
              <a:gd name="connsiteY8" fmla="*/ 179816 h 1764282"/>
              <a:gd name="connsiteX0" fmla="*/ 3 w 2787653"/>
              <a:gd name="connsiteY0" fmla="*/ 181162 h 1765628"/>
              <a:gd name="connsiteX1" fmla="*/ 179819 w 2787653"/>
              <a:gd name="connsiteY1" fmla="*/ 1346 h 1765628"/>
              <a:gd name="connsiteX2" fmla="*/ 2607837 w 2787653"/>
              <a:gd name="connsiteY2" fmla="*/ 1346 h 1765628"/>
              <a:gd name="connsiteX3" fmla="*/ 2787653 w 2787653"/>
              <a:gd name="connsiteY3" fmla="*/ 181162 h 1765628"/>
              <a:gd name="connsiteX4" fmla="*/ 2787653 w 2787653"/>
              <a:gd name="connsiteY4" fmla="*/ 1585812 h 1765628"/>
              <a:gd name="connsiteX5" fmla="*/ 2607837 w 2787653"/>
              <a:gd name="connsiteY5" fmla="*/ 1765628 h 1765628"/>
              <a:gd name="connsiteX6" fmla="*/ 179819 w 2787653"/>
              <a:gd name="connsiteY6" fmla="*/ 1765628 h 1765628"/>
              <a:gd name="connsiteX7" fmla="*/ 3 w 2787653"/>
              <a:gd name="connsiteY7" fmla="*/ 1585812 h 1765628"/>
              <a:gd name="connsiteX8" fmla="*/ 3 w 2787653"/>
              <a:gd name="connsiteY8" fmla="*/ 181162 h 1765628"/>
              <a:gd name="connsiteX0" fmla="*/ 0 w 2787650"/>
              <a:gd name="connsiteY0" fmla="*/ 179816 h 1764282"/>
              <a:gd name="connsiteX1" fmla="*/ 179816 w 2787650"/>
              <a:gd name="connsiteY1" fmla="*/ 0 h 1764282"/>
              <a:gd name="connsiteX2" fmla="*/ 2607834 w 2787650"/>
              <a:gd name="connsiteY2" fmla="*/ 0 h 1764282"/>
              <a:gd name="connsiteX3" fmla="*/ 2787650 w 2787650"/>
              <a:gd name="connsiteY3" fmla="*/ 179816 h 1764282"/>
              <a:gd name="connsiteX4" fmla="*/ 2787650 w 2787650"/>
              <a:gd name="connsiteY4" fmla="*/ 1584466 h 1764282"/>
              <a:gd name="connsiteX5" fmla="*/ 2607834 w 2787650"/>
              <a:gd name="connsiteY5" fmla="*/ 1764282 h 1764282"/>
              <a:gd name="connsiteX6" fmla="*/ 179816 w 2787650"/>
              <a:gd name="connsiteY6" fmla="*/ 1764282 h 1764282"/>
              <a:gd name="connsiteX7" fmla="*/ 0 w 2787650"/>
              <a:gd name="connsiteY7" fmla="*/ 1584466 h 1764282"/>
              <a:gd name="connsiteX8" fmla="*/ 0 w 2787650"/>
              <a:gd name="connsiteY8" fmla="*/ 179816 h 1764282"/>
              <a:gd name="connsiteX0" fmla="*/ 0 w 2787650"/>
              <a:gd name="connsiteY0" fmla="*/ 179816 h 1764282"/>
              <a:gd name="connsiteX1" fmla="*/ 86566 w 2787650"/>
              <a:gd name="connsiteY1" fmla="*/ 814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52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52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2335 w 2789985"/>
              <a:gd name="connsiteY0" fmla="*/ 179816 h 1764282"/>
              <a:gd name="connsiteX1" fmla="*/ 1 w 2789985"/>
              <a:gd name="connsiteY1" fmla="*/ 140 h 1764282"/>
              <a:gd name="connsiteX2" fmla="*/ 182151 w 2789985"/>
              <a:gd name="connsiteY2" fmla="*/ 0 h 1764282"/>
              <a:gd name="connsiteX3" fmla="*/ 2610169 w 2789985"/>
              <a:gd name="connsiteY3" fmla="*/ 0 h 1764282"/>
              <a:gd name="connsiteX4" fmla="*/ 2789985 w 2789985"/>
              <a:gd name="connsiteY4" fmla="*/ 179816 h 1764282"/>
              <a:gd name="connsiteX5" fmla="*/ 2789985 w 2789985"/>
              <a:gd name="connsiteY5" fmla="*/ 1584466 h 1764282"/>
              <a:gd name="connsiteX6" fmla="*/ 2610169 w 2789985"/>
              <a:gd name="connsiteY6" fmla="*/ 1764282 h 1764282"/>
              <a:gd name="connsiteX7" fmla="*/ 182151 w 2789985"/>
              <a:gd name="connsiteY7" fmla="*/ 1764282 h 1764282"/>
              <a:gd name="connsiteX8" fmla="*/ 2335 w 2789985"/>
              <a:gd name="connsiteY8" fmla="*/ 1584466 h 1764282"/>
              <a:gd name="connsiteX9" fmla="*/ 2335 w 2789985"/>
              <a:gd name="connsiteY9" fmla="*/ 179816 h 1764282"/>
              <a:gd name="connsiteX0" fmla="*/ 0 w 2787650"/>
              <a:gd name="connsiteY0" fmla="*/ 179816 h 1764282"/>
              <a:gd name="connsiteX1" fmla="*/ 2746 w 2787650"/>
              <a:gd name="connsiteY1" fmla="*/ 14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14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787650" h="1764282">
                <a:moveTo>
                  <a:pt x="0" y="179816"/>
                </a:moveTo>
                <a:cubicBezTo>
                  <a:pt x="69" y="121617"/>
                  <a:pt x="137" y="15159"/>
                  <a:pt x="206" y="140"/>
                </a:cubicBezTo>
                <a:lnTo>
                  <a:pt x="179816" y="0"/>
                </a:lnTo>
                <a:lnTo>
                  <a:pt x="2607834" y="0"/>
                </a:lnTo>
                <a:cubicBezTo>
                  <a:pt x="2707144" y="0"/>
                  <a:pt x="2787650" y="80506"/>
                  <a:pt x="2787650" y="179816"/>
                </a:cubicBezTo>
                <a:lnTo>
                  <a:pt x="2787650" y="1584466"/>
                </a:lnTo>
                <a:cubicBezTo>
                  <a:pt x="2787650" y="1683776"/>
                  <a:pt x="2707144" y="1764282"/>
                  <a:pt x="2607834" y="1764282"/>
                </a:cubicBezTo>
                <a:lnTo>
                  <a:pt x="179816" y="1764282"/>
                </a:lnTo>
                <a:cubicBezTo>
                  <a:pt x="80506" y="1764282"/>
                  <a:pt x="0" y="1683776"/>
                  <a:pt x="0" y="1584466"/>
                </a:cubicBezTo>
                <a:lnTo>
                  <a:pt x="0" y="179816"/>
                </a:lnTo>
                <a:close/>
              </a:path>
            </a:pathLst>
          </a:custGeom>
          <a:ln w="15875">
            <a:solidFill>
              <a:schemeClr val="bg1"/>
            </a:solidFill>
          </a:ln>
        </p:spPr>
        <p:txBody>
          <a:bodyPr lIns="72000" tIns="72000" rIns="72000" bIns="72000" anchor="ctr" anchorCtr="0"/>
          <a:lstStyle>
            <a:lvl1pPr marL="0" indent="0" algn="ctr">
              <a:lnSpc>
                <a:spcPct val="100000"/>
              </a:lnSpc>
              <a:spcAft>
                <a:spcPts val="0"/>
              </a:spcAft>
              <a:buFont typeface="Arial" panose="020B0604020202020204" pitchFamily="34" charset="0"/>
              <a:buNone/>
              <a:defRPr sz="9600" b="0">
                <a:solidFill>
                  <a:schemeClr val="bg1"/>
                </a:solidFill>
                <a:latin typeface="DI Numbers Office" pitchFamily="2" charset="0"/>
              </a:defRPr>
            </a:lvl1pPr>
            <a:lvl2pPr marL="0" indent="0">
              <a:lnSpc>
                <a:spcPct val="87000"/>
              </a:lnSpc>
              <a:spcAft>
                <a:spcPts val="0"/>
              </a:spcAft>
              <a:buFont typeface="Arial" panose="020B0604020202020204" pitchFamily="34" charset="0"/>
              <a:buNone/>
              <a:defRPr sz="6000" b="0">
                <a:latin typeface="DI Numbers Office" pitchFamily="2" charset="0"/>
              </a:defRPr>
            </a:lvl2pPr>
            <a:lvl3pPr marL="0" indent="0">
              <a:lnSpc>
                <a:spcPct val="87000"/>
              </a:lnSpc>
              <a:spcAft>
                <a:spcPts val="0"/>
              </a:spcAft>
              <a:buFont typeface="Arial" panose="020B0604020202020204" pitchFamily="34" charset="0"/>
              <a:buNone/>
              <a:defRPr sz="6000" b="0">
                <a:latin typeface="DI Numbers Office" pitchFamily="2" charset="0"/>
              </a:defRPr>
            </a:lvl3pPr>
            <a:lvl4pPr marL="0" indent="0">
              <a:lnSpc>
                <a:spcPct val="87000"/>
              </a:lnSpc>
              <a:spcAft>
                <a:spcPts val="0"/>
              </a:spcAft>
              <a:buFont typeface="Arial" panose="020B0604020202020204" pitchFamily="34" charset="0"/>
              <a:buNone/>
              <a:defRPr sz="6000" b="0">
                <a:latin typeface="DI Numbers Office" pitchFamily="2" charset="0"/>
              </a:defRPr>
            </a:lvl4pPr>
            <a:lvl5pPr marL="0" indent="0">
              <a:lnSpc>
                <a:spcPct val="87000"/>
              </a:lnSpc>
              <a:spcAft>
                <a:spcPts val="0"/>
              </a:spcAft>
              <a:buFont typeface="Arial" panose="020B0604020202020204" pitchFamily="34" charset="0"/>
              <a:buNone/>
              <a:defRPr sz="6000" b="0">
                <a:latin typeface="DI Numbers Office" pitchFamily="2" charset="0"/>
              </a:defRPr>
            </a:lvl5pPr>
            <a:lvl6pPr marL="0" indent="0">
              <a:lnSpc>
                <a:spcPct val="87000"/>
              </a:lnSpc>
              <a:spcAft>
                <a:spcPts val="0"/>
              </a:spcAft>
              <a:buFont typeface="Arial" panose="020B0604020202020204" pitchFamily="34" charset="0"/>
              <a:buNone/>
              <a:defRPr sz="6000" b="0">
                <a:latin typeface="DI Numbers Office" pitchFamily="2" charset="0"/>
              </a:defRPr>
            </a:lvl6pPr>
            <a:lvl7pPr marL="0" indent="0">
              <a:lnSpc>
                <a:spcPct val="87000"/>
              </a:lnSpc>
              <a:spcAft>
                <a:spcPts val="0"/>
              </a:spcAft>
              <a:buFont typeface="Arial" panose="020B0604020202020204" pitchFamily="34" charset="0"/>
              <a:buNone/>
              <a:defRPr sz="6000" b="0">
                <a:latin typeface="DI Numbers Office" pitchFamily="2" charset="0"/>
              </a:defRPr>
            </a:lvl7pPr>
            <a:lvl8pPr marL="0" indent="0">
              <a:lnSpc>
                <a:spcPct val="87000"/>
              </a:lnSpc>
              <a:spcAft>
                <a:spcPts val="0"/>
              </a:spcAft>
              <a:buFont typeface="Arial" panose="020B0604020202020204" pitchFamily="34" charset="0"/>
              <a:buNone/>
              <a:defRPr sz="6000" b="0">
                <a:latin typeface="DI Numbers Office" pitchFamily="2" charset="0"/>
              </a:defRPr>
            </a:lvl8pPr>
            <a:lvl9pPr marL="0" indent="0">
              <a:lnSpc>
                <a:spcPct val="87000"/>
              </a:lnSpc>
              <a:spcAft>
                <a:spcPts val="0"/>
              </a:spcAft>
              <a:buFont typeface="Arial" panose="020B0604020202020204" pitchFamily="34" charset="0"/>
              <a:buNone/>
              <a:defRPr sz="6000" b="0">
                <a:latin typeface="DI Numbers Office" pitchFamily="2" charset="0"/>
              </a:defRPr>
            </a:lvl9pPr>
          </a:lstStyle>
          <a:p>
            <a:pPr lvl="0"/>
            <a:r>
              <a:rPr lang="da-DK" noProof="0" dirty="0"/>
              <a:t>100%</a:t>
            </a:r>
          </a:p>
        </p:txBody>
      </p:sp>
      <p:sp>
        <p:nvSpPr>
          <p:cNvPr id="3" name="Pladsholder til tekst navn">
            <a:extLst>
              <a:ext uri="{FF2B5EF4-FFF2-40B4-BE49-F238E27FC236}">
                <a16:creationId xmlns:a16="http://schemas.microsoft.com/office/drawing/2014/main" id="{18DA8BD8-4D10-F04D-369E-089788044C44}"/>
              </a:ext>
            </a:extLst>
          </p:cNvPr>
          <p:cNvSpPr>
            <a:spLocks noGrp="1"/>
          </p:cNvSpPr>
          <p:nvPr>
            <p:ph type="body" sz="quarter" idx="19" hasCustomPrompt="1"/>
          </p:nvPr>
        </p:nvSpPr>
        <p:spPr>
          <a:xfrm>
            <a:off x="648000" y="2605967"/>
            <a:ext cx="438755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 og efternavn</a:t>
            </a:r>
          </a:p>
        </p:txBody>
      </p:sp>
      <p:sp>
        <p:nvSpPr>
          <p:cNvPr id="5" name="Date Placeholder 6">
            <a:extLst>
              <a:ext uri="{FF2B5EF4-FFF2-40B4-BE49-F238E27FC236}">
                <a16:creationId xmlns:a16="http://schemas.microsoft.com/office/drawing/2014/main" id="{27A59C48-14BC-4204-45C7-53A2D7F67C89}"/>
              </a:ext>
            </a:extLst>
          </p:cNvPr>
          <p:cNvSpPr txBox="1">
            <a:spLocks/>
          </p:cNvSpPr>
          <p:nvPr userDrawn="1"/>
        </p:nvSpPr>
        <p:spPr>
          <a:xfrm>
            <a:off x="648000" y="2901257"/>
            <a:ext cx="4388400" cy="324000"/>
          </a:xfrm>
          <a:prstGeom prst="rect">
            <a:avLst/>
          </a:prstGeom>
        </p:spPr>
        <p:txBody>
          <a:bodyPr vert="horz" lIns="0" tIns="0" rIns="0" bIns="0" rtlCol="0" anchor="t" anchorCtr="0"/>
          <a:lstStyle>
            <a:defPPr>
              <a:defRPr lang="en-US"/>
            </a:defPPr>
            <a:lvl1pPr marL="0" algn="r" defTabSz="914400" rtl="0" eaLnBrk="1" latinLnBrk="0" hangingPunct="1">
              <a:defRPr sz="200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fld id="{54A937AC-837E-4900-A9B4-EB8622A1E968}" type="datetime2">
              <a:rPr lang="da-DK" smtClean="0"/>
              <a:pPr algn="l"/>
              <a:t>30. maj 2025</a:t>
            </a:fld>
            <a:endParaRPr lang="da-DK" dirty="0"/>
          </a:p>
        </p:txBody>
      </p:sp>
      <p:pic>
        <p:nvPicPr>
          <p:cNvPr id="7" name="Dynamic cover logo hvid" descr="{&quot;templafy&quot;:{&quot;id&quot;:&quot;43b16df3-2e2a-4d8d-bbb5-7c890c5a356a&quot;}}">
            <a:extLst>
              <a:ext uri="{FF2B5EF4-FFF2-40B4-BE49-F238E27FC236}">
                <a16:creationId xmlns:a16="http://schemas.microsoft.com/office/drawing/2014/main" id="{2A508915-40BB-73A8-2CEA-69266C8D9D8C}"/>
              </a:ext>
            </a:extLst>
          </p:cNvPr>
          <p:cNvPicPr>
            <a:picLocks noChangeAspect="1"/>
          </p:cNvPicPr>
          <p:nvPr userDrawn="1"/>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572036190"/>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Forside billede uden navn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B9D254C8-3CF1-61FB-D1B5-12181816FD81}"/>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25EE4BB6-1872-41CD-8FC5-9B4C6EC8EFBF}" type="datetime2">
              <a:rPr lang="da-DK" smtClean="0"/>
              <a:t>30. maj 2025</a:t>
            </a:fld>
            <a:endParaRPr lang="da-DK" dirty="0"/>
          </a:p>
        </p:txBody>
      </p:sp>
      <p:sp>
        <p:nvSpPr>
          <p:cNvPr id="11" name="Footer Placeholder 8" hidden="1">
            <a:extLst>
              <a:ext uri="{FF2B5EF4-FFF2-40B4-BE49-F238E27FC236}">
                <a16:creationId xmlns:a16="http://schemas.microsoft.com/office/drawing/2014/main" id="{7AC1EA72-2ABB-A105-6A9A-CF2A2F6E8890}"/>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38A0F504-3DCC-14C8-F974-E890C35FE8B8}"/>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2" name="Title 1">
            <a:extLst>
              <a:ext uri="{FF2B5EF4-FFF2-40B4-BE49-F238E27FC236}">
                <a16:creationId xmlns:a16="http://schemas.microsoft.com/office/drawing/2014/main" id="{BAA1FC40-0E07-46B2-80F9-1324562DE668}"/>
              </a:ext>
            </a:extLst>
          </p:cNvPr>
          <p:cNvSpPr>
            <a:spLocks noGrp="1"/>
          </p:cNvSpPr>
          <p:nvPr>
            <p:ph type="title" hasCustomPrompt="1"/>
          </p:nvPr>
        </p:nvSpPr>
        <p:spPr>
          <a:xfrm>
            <a:off x="648000" y="648000"/>
            <a:ext cx="7435550" cy="1296000"/>
          </a:xfrm>
        </p:spPr>
        <p:txBody>
          <a:bodyPr/>
          <a:lstStyle>
            <a:lvl1pPr>
              <a:defRPr sz="4800">
                <a:solidFill>
                  <a:schemeClr val="bg1"/>
                </a:solidFill>
              </a:defRPr>
            </a:lvl1pPr>
          </a:lstStyle>
          <a:p>
            <a:r>
              <a:rPr lang="da-DK" dirty="0"/>
              <a:t>Klik for at indsætte overskrift – max. to linjer</a:t>
            </a:r>
          </a:p>
        </p:txBody>
      </p:sp>
      <p:sp>
        <p:nvSpPr>
          <p:cNvPr id="4" name="TextBox 16">
            <a:extLst>
              <a:ext uri="{FF2B5EF4-FFF2-40B4-BE49-F238E27FC236}">
                <a16:creationId xmlns:a16="http://schemas.microsoft.com/office/drawing/2014/main" id="{FEB0DF23-2BCC-CAD7-380E-9DB66BFF5E6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p>
        </p:txBody>
      </p:sp>
      <p:sp>
        <p:nvSpPr>
          <p:cNvPr id="13" name="Pladsholder til tekst 12">
            <a:extLst>
              <a:ext uri="{FF2B5EF4-FFF2-40B4-BE49-F238E27FC236}">
                <a16:creationId xmlns:a16="http://schemas.microsoft.com/office/drawing/2014/main" id="{F50CF705-5B0B-ABEE-C230-0BB82AD954AC}"/>
              </a:ext>
            </a:extLst>
          </p:cNvPr>
          <p:cNvSpPr>
            <a:spLocks noGrp="1"/>
          </p:cNvSpPr>
          <p:nvPr>
            <p:ph type="body" sz="quarter" idx="18" hasCustomPrompt="1"/>
          </p:nvPr>
        </p:nvSpPr>
        <p:spPr>
          <a:xfrm>
            <a:off x="9653618" y="2154813"/>
            <a:ext cx="1780398" cy="1660041"/>
          </a:xfrm>
          <a:custGeom>
            <a:avLst/>
            <a:gdLst>
              <a:gd name="connsiteX0" fmla="*/ 178039 w 1780398"/>
              <a:gd name="connsiteY0" fmla="*/ 0 h 1660041"/>
              <a:gd name="connsiteX1" fmla="*/ 1602359 w 1780398"/>
              <a:gd name="connsiteY1" fmla="*/ 0 h 1660041"/>
              <a:gd name="connsiteX2" fmla="*/ 1780398 w 1780398"/>
              <a:gd name="connsiteY2" fmla="*/ 178039 h 1660041"/>
              <a:gd name="connsiteX3" fmla="*/ 1780398 w 1780398"/>
              <a:gd name="connsiteY3" fmla="*/ 1482002 h 1660041"/>
              <a:gd name="connsiteX4" fmla="*/ 1602359 w 1780398"/>
              <a:gd name="connsiteY4" fmla="*/ 1660041 h 1660041"/>
              <a:gd name="connsiteX5" fmla="*/ 679802 w 1780398"/>
              <a:gd name="connsiteY5" fmla="*/ 1660041 h 1660041"/>
              <a:gd name="connsiteX6" fmla="*/ 178039 w 1780398"/>
              <a:gd name="connsiteY6" fmla="*/ 1660041 h 1660041"/>
              <a:gd name="connsiteX7" fmla="*/ 0 w 1780398"/>
              <a:gd name="connsiteY7" fmla="*/ 1660041 h 1660041"/>
              <a:gd name="connsiteX8" fmla="*/ 0 w 1780398"/>
              <a:gd name="connsiteY8" fmla="*/ 1482002 h 1660041"/>
              <a:gd name="connsiteX9" fmla="*/ 0 w 1780398"/>
              <a:gd name="connsiteY9" fmla="*/ 1078877 h 1660041"/>
              <a:gd name="connsiteX10" fmla="*/ 0 w 1780398"/>
              <a:gd name="connsiteY10" fmla="*/ 178039 h 1660041"/>
              <a:gd name="connsiteX11" fmla="*/ 178039 w 1780398"/>
              <a:gd name="connsiteY11" fmla="*/ 0 h 16600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0398" h="1660041">
                <a:moveTo>
                  <a:pt x="178039" y="0"/>
                </a:moveTo>
                <a:lnTo>
                  <a:pt x="1602359" y="0"/>
                </a:lnTo>
                <a:cubicBezTo>
                  <a:pt x="1700687" y="0"/>
                  <a:pt x="1780398" y="79711"/>
                  <a:pt x="1780398" y="178039"/>
                </a:cubicBezTo>
                <a:lnTo>
                  <a:pt x="1780398" y="1482002"/>
                </a:lnTo>
                <a:cubicBezTo>
                  <a:pt x="1780398" y="1580330"/>
                  <a:pt x="1700687" y="1660041"/>
                  <a:pt x="1602359" y="1660041"/>
                </a:cubicBezTo>
                <a:lnTo>
                  <a:pt x="679802" y="1660041"/>
                </a:lnTo>
                <a:lnTo>
                  <a:pt x="178039" y="1660041"/>
                </a:lnTo>
                <a:lnTo>
                  <a:pt x="0" y="1660041"/>
                </a:lnTo>
                <a:lnTo>
                  <a:pt x="0" y="1482002"/>
                </a:lnTo>
                <a:lnTo>
                  <a:pt x="0" y="1078877"/>
                </a:lnTo>
                <a:lnTo>
                  <a:pt x="0" y="178039"/>
                </a:lnTo>
                <a:cubicBezTo>
                  <a:pt x="0" y="79711"/>
                  <a:pt x="79711" y="0"/>
                  <a:pt x="178039" y="0"/>
                </a:cubicBezTo>
                <a:close/>
              </a:path>
            </a:pathLst>
          </a:custGeom>
          <a:ln w="15875">
            <a:solidFill>
              <a:schemeClr val="bg1"/>
            </a:solidFill>
          </a:ln>
        </p:spPr>
        <p:txBody>
          <a:bodyPr wrap="square" lIns="72000" tIns="72000" rIns="72000" bIns="72000" anchor="ctr" anchorCtr="0">
            <a:noAutofit/>
          </a:bodyPr>
          <a:lstStyle>
            <a:lvl1pPr marL="0" indent="0" algn="ctr">
              <a:lnSpc>
                <a:spcPct val="100000"/>
              </a:lnSpc>
              <a:spcAft>
                <a:spcPts val="0"/>
              </a:spcAft>
              <a:buFont typeface="Arial" panose="020B0604020202020204" pitchFamily="34" charset="0"/>
              <a:buNone/>
              <a:defRPr sz="100" b="0">
                <a:noFill/>
                <a:latin typeface="DI Numbers Office" pitchFamily="2" charset="0"/>
              </a:defRPr>
            </a:lvl1pPr>
            <a:lvl2pPr marL="0" indent="0">
              <a:lnSpc>
                <a:spcPct val="87000"/>
              </a:lnSpc>
              <a:spcAft>
                <a:spcPts val="0"/>
              </a:spcAft>
              <a:buFont typeface="Arial" panose="020B0604020202020204" pitchFamily="34" charset="0"/>
              <a:buNone/>
              <a:defRPr sz="6000" b="0">
                <a:latin typeface="DI Numbers Office" pitchFamily="2" charset="0"/>
              </a:defRPr>
            </a:lvl2pPr>
            <a:lvl3pPr marL="0" indent="0">
              <a:lnSpc>
                <a:spcPct val="87000"/>
              </a:lnSpc>
              <a:spcAft>
                <a:spcPts val="0"/>
              </a:spcAft>
              <a:buFont typeface="Arial" panose="020B0604020202020204" pitchFamily="34" charset="0"/>
              <a:buNone/>
              <a:defRPr sz="6000" b="0">
                <a:latin typeface="DI Numbers Office" pitchFamily="2" charset="0"/>
              </a:defRPr>
            </a:lvl3pPr>
            <a:lvl4pPr marL="0" indent="0">
              <a:lnSpc>
                <a:spcPct val="87000"/>
              </a:lnSpc>
              <a:spcAft>
                <a:spcPts val="0"/>
              </a:spcAft>
              <a:buFont typeface="Arial" panose="020B0604020202020204" pitchFamily="34" charset="0"/>
              <a:buNone/>
              <a:defRPr sz="6000" b="0">
                <a:latin typeface="DI Numbers Office" pitchFamily="2" charset="0"/>
              </a:defRPr>
            </a:lvl4pPr>
            <a:lvl5pPr marL="0" indent="0">
              <a:lnSpc>
                <a:spcPct val="87000"/>
              </a:lnSpc>
              <a:spcAft>
                <a:spcPts val="0"/>
              </a:spcAft>
              <a:buFont typeface="Arial" panose="020B0604020202020204" pitchFamily="34" charset="0"/>
              <a:buNone/>
              <a:defRPr sz="6000" b="0">
                <a:latin typeface="DI Numbers Office" pitchFamily="2" charset="0"/>
              </a:defRPr>
            </a:lvl5pPr>
            <a:lvl6pPr marL="0" indent="0">
              <a:lnSpc>
                <a:spcPct val="87000"/>
              </a:lnSpc>
              <a:spcAft>
                <a:spcPts val="0"/>
              </a:spcAft>
              <a:buFont typeface="Arial" panose="020B0604020202020204" pitchFamily="34" charset="0"/>
              <a:buNone/>
              <a:defRPr sz="6000" b="0">
                <a:latin typeface="DI Numbers Office" pitchFamily="2" charset="0"/>
              </a:defRPr>
            </a:lvl6pPr>
            <a:lvl7pPr marL="0" indent="0">
              <a:lnSpc>
                <a:spcPct val="87000"/>
              </a:lnSpc>
              <a:spcAft>
                <a:spcPts val="0"/>
              </a:spcAft>
              <a:buFont typeface="Arial" panose="020B0604020202020204" pitchFamily="34" charset="0"/>
              <a:buNone/>
              <a:defRPr sz="6000" b="0">
                <a:latin typeface="DI Numbers Office" pitchFamily="2" charset="0"/>
              </a:defRPr>
            </a:lvl7pPr>
            <a:lvl8pPr marL="0" indent="0">
              <a:lnSpc>
                <a:spcPct val="87000"/>
              </a:lnSpc>
              <a:spcAft>
                <a:spcPts val="0"/>
              </a:spcAft>
              <a:buFont typeface="Arial" panose="020B0604020202020204" pitchFamily="34" charset="0"/>
              <a:buNone/>
              <a:defRPr sz="6000" b="0">
                <a:latin typeface="DI Numbers Office" pitchFamily="2" charset="0"/>
              </a:defRPr>
            </a:lvl8pPr>
            <a:lvl9pPr marL="0" indent="0">
              <a:lnSpc>
                <a:spcPct val="87000"/>
              </a:lnSpc>
              <a:spcAft>
                <a:spcPts val="0"/>
              </a:spcAft>
              <a:buFont typeface="Arial" panose="020B0604020202020204" pitchFamily="34" charset="0"/>
              <a:buNone/>
              <a:defRPr sz="6000" b="0">
                <a:latin typeface="DI Numbers Office" pitchFamily="2" charset="0"/>
              </a:defRPr>
            </a:lvl9pPr>
          </a:lstStyle>
          <a:p>
            <a:pPr lvl="0"/>
            <a:r>
              <a:rPr lang="da-DK" noProof="0" dirty="0"/>
              <a:t>.</a:t>
            </a:r>
          </a:p>
        </p:txBody>
      </p:sp>
      <p:pic>
        <p:nvPicPr>
          <p:cNvPr id="3" name="Dynamic cover logo hvid" descr="{&quot;templafy&quot;:{&quot;id&quot;:&quot;43b16df3-2e2a-4d8d-bbb5-7c890c5a356a&quot;}}">
            <a:extLst>
              <a:ext uri="{FF2B5EF4-FFF2-40B4-BE49-F238E27FC236}">
                <a16:creationId xmlns:a16="http://schemas.microsoft.com/office/drawing/2014/main" id="{2A51A030-CA85-8FB9-F191-BD3C75F5F066}"/>
              </a:ext>
            </a:extLst>
          </p:cNvPr>
          <p:cNvPicPr>
            <a:picLocks noChangeAspect="1"/>
          </p:cNvPicPr>
          <p:nvPr userDrawn="1"/>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153631892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Forside billede uden navn B">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4022E5A2-5470-4965-BF6A-D0A7391310E2}" type="datetime2">
              <a:rPr lang="da-DK" smtClean="0"/>
              <a:t>30. maj 2025</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44" name="Kombinationstegning: figur 43">
            <a:extLst>
              <a:ext uri="{FF2B5EF4-FFF2-40B4-BE49-F238E27FC236}">
                <a16:creationId xmlns:a16="http://schemas.microsoft.com/office/drawing/2014/main" id="{4B4AC28A-B22D-EBC3-E04D-2CDF1AD8FD9A}"/>
              </a:ext>
            </a:extLst>
          </p:cNvPr>
          <p:cNvSpPr/>
          <p:nvPr userDrawn="1"/>
        </p:nvSpPr>
        <p:spPr>
          <a:xfrm>
            <a:off x="3685879" y="2917009"/>
            <a:ext cx="2279945" cy="3434805"/>
          </a:xfrm>
          <a:custGeom>
            <a:avLst/>
            <a:gdLst>
              <a:gd name="connsiteX0" fmla="*/ 178451 w 2279945"/>
              <a:gd name="connsiteY0" fmla="*/ 0 h 3434805"/>
              <a:gd name="connsiteX1" fmla="*/ 2101494 w 2279945"/>
              <a:gd name="connsiteY1" fmla="*/ 0 h 3434805"/>
              <a:gd name="connsiteX2" fmla="*/ 2279945 w 2279945"/>
              <a:gd name="connsiteY2" fmla="*/ 178451 h 3434805"/>
              <a:gd name="connsiteX3" fmla="*/ 2279945 w 2279945"/>
              <a:gd name="connsiteY3" fmla="*/ 3256354 h 3434805"/>
              <a:gd name="connsiteX4" fmla="*/ 2101494 w 2279945"/>
              <a:gd name="connsiteY4" fmla="*/ 3434805 h 3434805"/>
              <a:gd name="connsiteX5" fmla="*/ 1009650 w 2279945"/>
              <a:gd name="connsiteY5" fmla="*/ 3434805 h 3434805"/>
              <a:gd name="connsiteX6" fmla="*/ 178451 w 2279945"/>
              <a:gd name="connsiteY6" fmla="*/ 3434805 h 3434805"/>
              <a:gd name="connsiteX7" fmla="*/ 0 w 2279945"/>
              <a:gd name="connsiteY7" fmla="*/ 3434805 h 3434805"/>
              <a:gd name="connsiteX8" fmla="*/ 0 w 2279945"/>
              <a:gd name="connsiteY8" fmla="*/ 3256354 h 3434805"/>
              <a:gd name="connsiteX9" fmla="*/ 0 w 2279945"/>
              <a:gd name="connsiteY9" fmla="*/ 2272755 h 3434805"/>
              <a:gd name="connsiteX10" fmla="*/ 0 w 2279945"/>
              <a:gd name="connsiteY10" fmla="*/ 178451 h 3434805"/>
              <a:gd name="connsiteX11" fmla="*/ 178451 w 2279945"/>
              <a:gd name="connsiteY11" fmla="*/ 0 h 34348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79945" h="3434805">
                <a:moveTo>
                  <a:pt x="178451" y="0"/>
                </a:moveTo>
                <a:lnTo>
                  <a:pt x="2101494" y="0"/>
                </a:lnTo>
                <a:cubicBezTo>
                  <a:pt x="2200050" y="0"/>
                  <a:pt x="2279945" y="79895"/>
                  <a:pt x="2279945" y="178451"/>
                </a:cubicBezTo>
                <a:lnTo>
                  <a:pt x="2279945" y="3256354"/>
                </a:lnTo>
                <a:cubicBezTo>
                  <a:pt x="2279945" y="3354910"/>
                  <a:pt x="2200050" y="3434805"/>
                  <a:pt x="2101494" y="3434805"/>
                </a:cubicBezTo>
                <a:lnTo>
                  <a:pt x="1009650" y="3434805"/>
                </a:lnTo>
                <a:lnTo>
                  <a:pt x="178451" y="3434805"/>
                </a:lnTo>
                <a:lnTo>
                  <a:pt x="0" y="3434805"/>
                </a:lnTo>
                <a:lnTo>
                  <a:pt x="0" y="3256354"/>
                </a:lnTo>
                <a:lnTo>
                  <a:pt x="0" y="2272755"/>
                </a:lnTo>
                <a:lnTo>
                  <a:pt x="0" y="178451"/>
                </a:lnTo>
                <a:cubicBezTo>
                  <a:pt x="0" y="79895"/>
                  <a:pt x="79895" y="0"/>
                  <a:pt x="178451"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3" name="Kombinationstegning: figur 42">
            <a:extLst>
              <a:ext uri="{FF2B5EF4-FFF2-40B4-BE49-F238E27FC236}">
                <a16:creationId xmlns:a16="http://schemas.microsoft.com/office/drawing/2014/main" id="{368D428A-E186-E93F-00D5-2BBAB2E157F5}"/>
              </a:ext>
            </a:extLst>
          </p:cNvPr>
          <p:cNvSpPr/>
          <p:nvPr userDrawn="1"/>
        </p:nvSpPr>
        <p:spPr>
          <a:xfrm>
            <a:off x="1649691" y="2917009"/>
            <a:ext cx="1785660" cy="1145538"/>
          </a:xfrm>
          <a:custGeom>
            <a:avLst/>
            <a:gdLst>
              <a:gd name="connsiteX0" fmla="*/ 183458 w 1785660"/>
              <a:gd name="connsiteY0" fmla="*/ 0 h 1145538"/>
              <a:gd name="connsiteX1" fmla="*/ 776010 w 1785660"/>
              <a:gd name="connsiteY1" fmla="*/ 0 h 1145538"/>
              <a:gd name="connsiteX2" fmla="*/ 1602202 w 1785660"/>
              <a:gd name="connsiteY2" fmla="*/ 0 h 1145538"/>
              <a:gd name="connsiteX3" fmla="*/ 1785660 w 1785660"/>
              <a:gd name="connsiteY3" fmla="*/ 0 h 1145538"/>
              <a:gd name="connsiteX4" fmla="*/ 1785660 w 1785660"/>
              <a:gd name="connsiteY4" fmla="*/ 183458 h 1145538"/>
              <a:gd name="connsiteX5" fmla="*/ 1785660 w 1785660"/>
              <a:gd name="connsiteY5" fmla="*/ 561975 h 1145538"/>
              <a:gd name="connsiteX6" fmla="*/ 1785660 w 1785660"/>
              <a:gd name="connsiteY6" fmla="*/ 962080 h 1145538"/>
              <a:gd name="connsiteX7" fmla="*/ 1602202 w 1785660"/>
              <a:gd name="connsiteY7" fmla="*/ 1145538 h 1145538"/>
              <a:gd name="connsiteX8" fmla="*/ 183458 w 1785660"/>
              <a:gd name="connsiteY8" fmla="*/ 1145538 h 1145538"/>
              <a:gd name="connsiteX9" fmla="*/ 0 w 1785660"/>
              <a:gd name="connsiteY9" fmla="*/ 962080 h 1145538"/>
              <a:gd name="connsiteX10" fmla="*/ 0 w 1785660"/>
              <a:gd name="connsiteY10" fmla="*/ 183458 h 1145538"/>
              <a:gd name="connsiteX11" fmla="*/ 183458 w 1785660"/>
              <a:gd name="connsiteY11" fmla="*/ 0 h 1145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5660" h="1145538">
                <a:moveTo>
                  <a:pt x="183458" y="0"/>
                </a:moveTo>
                <a:lnTo>
                  <a:pt x="776010" y="0"/>
                </a:lnTo>
                <a:lnTo>
                  <a:pt x="1602202" y="0"/>
                </a:lnTo>
                <a:lnTo>
                  <a:pt x="1785660" y="0"/>
                </a:lnTo>
                <a:lnTo>
                  <a:pt x="1785660" y="183458"/>
                </a:lnTo>
                <a:lnTo>
                  <a:pt x="1785660" y="561975"/>
                </a:lnTo>
                <a:lnTo>
                  <a:pt x="1785660" y="962080"/>
                </a:lnTo>
                <a:cubicBezTo>
                  <a:pt x="1785660" y="1063401"/>
                  <a:pt x="1703523" y="1145538"/>
                  <a:pt x="1602202" y="1145538"/>
                </a:cubicBezTo>
                <a:lnTo>
                  <a:pt x="183458" y="1145538"/>
                </a:lnTo>
                <a:cubicBezTo>
                  <a:pt x="82137" y="1145538"/>
                  <a:pt x="0" y="1063401"/>
                  <a:pt x="0" y="962080"/>
                </a:cubicBezTo>
                <a:lnTo>
                  <a:pt x="0" y="183458"/>
                </a:lnTo>
                <a:cubicBezTo>
                  <a:pt x="0" y="82137"/>
                  <a:pt x="82137" y="0"/>
                  <a:pt x="183458"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2" name="Kombinationstegning: figur 41">
            <a:extLst>
              <a:ext uri="{FF2B5EF4-FFF2-40B4-BE49-F238E27FC236}">
                <a16:creationId xmlns:a16="http://schemas.microsoft.com/office/drawing/2014/main" id="{92615C35-0EB4-2246-705E-B3B96273D2A6}"/>
              </a:ext>
            </a:extLst>
          </p:cNvPr>
          <p:cNvSpPr/>
          <p:nvPr userDrawn="1"/>
        </p:nvSpPr>
        <p:spPr>
          <a:xfrm>
            <a:off x="0" y="1"/>
            <a:ext cx="8755063" cy="2658358"/>
          </a:xfrm>
          <a:custGeom>
            <a:avLst/>
            <a:gdLst>
              <a:gd name="connsiteX0" fmla="*/ 0 w 8755063"/>
              <a:gd name="connsiteY0" fmla="*/ 0 h 2658358"/>
              <a:gd name="connsiteX1" fmla="*/ 170480 w 8755063"/>
              <a:gd name="connsiteY1" fmla="*/ 0 h 2658358"/>
              <a:gd name="connsiteX2" fmla="*/ 1009650 w 8755063"/>
              <a:gd name="connsiteY2" fmla="*/ 0 h 2658358"/>
              <a:gd name="connsiteX3" fmla="*/ 7745413 w 8755063"/>
              <a:gd name="connsiteY3" fmla="*/ 0 h 2658358"/>
              <a:gd name="connsiteX4" fmla="*/ 8584583 w 8755063"/>
              <a:gd name="connsiteY4" fmla="*/ 0 h 2658358"/>
              <a:gd name="connsiteX5" fmla="*/ 8755063 w 8755063"/>
              <a:gd name="connsiteY5" fmla="*/ 0 h 2658358"/>
              <a:gd name="connsiteX6" fmla="*/ 8755063 w 8755063"/>
              <a:gd name="connsiteY6" fmla="*/ 170480 h 2658358"/>
              <a:gd name="connsiteX7" fmla="*/ 8755063 w 8755063"/>
              <a:gd name="connsiteY7" fmla="*/ 1162050 h 2658358"/>
              <a:gd name="connsiteX8" fmla="*/ 8755063 w 8755063"/>
              <a:gd name="connsiteY8" fmla="*/ 2487878 h 2658358"/>
              <a:gd name="connsiteX9" fmla="*/ 8584583 w 8755063"/>
              <a:gd name="connsiteY9" fmla="*/ 2658358 h 2658358"/>
              <a:gd name="connsiteX10" fmla="*/ 1009650 w 8755063"/>
              <a:gd name="connsiteY10" fmla="*/ 2658358 h 2658358"/>
              <a:gd name="connsiteX11" fmla="*/ 170480 w 8755063"/>
              <a:gd name="connsiteY11" fmla="*/ 2658358 h 2658358"/>
              <a:gd name="connsiteX12" fmla="*/ 0 w 8755063"/>
              <a:gd name="connsiteY12" fmla="*/ 2658358 h 2658358"/>
              <a:gd name="connsiteX13" fmla="*/ 0 w 8755063"/>
              <a:gd name="connsiteY13" fmla="*/ 2487878 h 2658358"/>
              <a:gd name="connsiteX14" fmla="*/ 0 w 8755063"/>
              <a:gd name="connsiteY14" fmla="*/ 1496308 h 2658358"/>
              <a:gd name="connsiteX15" fmla="*/ 0 w 8755063"/>
              <a:gd name="connsiteY15" fmla="*/ 1162050 h 2658358"/>
              <a:gd name="connsiteX16" fmla="*/ 0 w 8755063"/>
              <a:gd name="connsiteY16" fmla="*/ 17048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19" fmla="*/ 85725 w 8755063"/>
              <a:gd name="connsiteY19" fmla="*/ 238124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0" fmla="*/ 0 w 8755063"/>
              <a:gd name="connsiteY0" fmla="*/ 0 h 2658358"/>
              <a:gd name="connsiteX1" fmla="*/ 170480 w 8755063"/>
              <a:gd name="connsiteY1" fmla="*/ 0 h 2658358"/>
              <a:gd name="connsiteX2" fmla="*/ 1009650 w 8755063"/>
              <a:gd name="connsiteY2" fmla="*/ 0 h 2658358"/>
              <a:gd name="connsiteX3" fmla="*/ 7745413 w 8755063"/>
              <a:gd name="connsiteY3" fmla="*/ 0 h 2658358"/>
              <a:gd name="connsiteX4" fmla="*/ 8584583 w 8755063"/>
              <a:gd name="connsiteY4" fmla="*/ 0 h 2658358"/>
              <a:gd name="connsiteX5" fmla="*/ 8755063 w 8755063"/>
              <a:gd name="connsiteY5" fmla="*/ 0 h 2658358"/>
              <a:gd name="connsiteX6" fmla="*/ 8755063 w 8755063"/>
              <a:gd name="connsiteY6" fmla="*/ 170480 h 2658358"/>
              <a:gd name="connsiteX7" fmla="*/ 8755063 w 8755063"/>
              <a:gd name="connsiteY7" fmla="*/ 1162050 h 2658358"/>
              <a:gd name="connsiteX8" fmla="*/ 8755063 w 8755063"/>
              <a:gd name="connsiteY8" fmla="*/ 2487878 h 2658358"/>
              <a:gd name="connsiteX9" fmla="*/ 8584583 w 8755063"/>
              <a:gd name="connsiteY9" fmla="*/ 2658358 h 2658358"/>
              <a:gd name="connsiteX10" fmla="*/ 1009650 w 8755063"/>
              <a:gd name="connsiteY10" fmla="*/ 2658358 h 2658358"/>
              <a:gd name="connsiteX11" fmla="*/ 170480 w 8755063"/>
              <a:gd name="connsiteY11" fmla="*/ 2658358 h 2658358"/>
              <a:gd name="connsiteX12" fmla="*/ 0 w 8755063"/>
              <a:gd name="connsiteY12" fmla="*/ 2658358 h 2658358"/>
              <a:gd name="connsiteX0" fmla="*/ 0 w 8755063"/>
              <a:gd name="connsiteY0" fmla="*/ 0 h 2658358"/>
              <a:gd name="connsiteX1" fmla="*/ 170480 w 8755063"/>
              <a:gd name="connsiteY1" fmla="*/ 0 h 2658358"/>
              <a:gd name="connsiteX2" fmla="*/ 7745413 w 8755063"/>
              <a:gd name="connsiteY2" fmla="*/ 0 h 2658358"/>
              <a:gd name="connsiteX3" fmla="*/ 8584583 w 8755063"/>
              <a:gd name="connsiteY3" fmla="*/ 0 h 2658358"/>
              <a:gd name="connsiteX4" fmla="*/ 8755063 w 8755063"/>
              <a:gd name="connsiteY4" fmla="*/ 0 h 2658358"/>
              <a:gd name="connsiteX5" fmla="*/ 8755063 w 8755063"/>
              <a:gd name="connsiteY5" fmla="*/ 170480 h 2658358"/>
              <a:gd name="connsiteX6" fmla="*/ 8755063 w 8755063"/>
              <a:gd name="connsiteY6" fmla="*/ 1162050 h 2658358"/>
              <a:gd name="connsiteX7" fmla="*/ 8755063 w 8755063"/>
              <a:gd name="connsiteY7" fmla="*/ 2487878 h 2658358"/>
              <a:gd name="connsiteX8" fmla="*/ 8584583 w 8755063"/>
              <a:gd name="connsiteY8" fmla="*/ 2658358 h 2658358"/>
              <a:gd name="connsiteX9" fmla="*/ 1009650 w 8755063"/>
              <a:gd name="connsiteY9" fmla="*/ 2658358 h 2658358"/>
              <a:gd name="connsiteX10" fmla="*/ 170480 w 8755063"/>
              <a:gd name="connsiteY10" fmla="*/ 2658358 h 2658358"/>
              <a:gd name="connsiteX11" fmla="*/ 0 w 8755063"/>
              <a:gd name="connsiteY11" fmla="*/ 2658358 h 2658358"/>
              <a:gd name="connsiteX0" fmla="*/ 0 w 8755063"/>
              <a:gd name="connsiteY0" fmla="*/ 0 h 2658358"/>
              <a:gd name="connsiteX1" fmla="*/ 7745413 w 8755063"/>
              <a:gd name="connsiteY1" fmla="*/ 0 h 2658358"/>
              <a:gd name="connsiteX2" fmla="*/ 8584583 w 8755063"/>
              <a:gd name="connsiteY2" fmla="*/ 0 h 2658358"/>
              <a:gd name="connsiteX3" fmla="*/ 8755063 w 8755063"/>
              <a:gd name="connsiteY3" fmla="*/ 0 h 2658358"/>
              <a:gd name="connsiteX4" fmla="*/ 8755063 w 8755063"/>
              <a:gd name="connsiteY4" fmla="*/ 170480 h 2658358"/>
              <a:gd name="connsiteX5" fmla="*/ 8755063 w 8755063"/>
              <a:gd name="connsiteY5" fmla="*/ 1162050 h 2658358"/>
              <a:gd name="connsiteX6" fmla="*/ 8755063 w 8755063"/>
              <a:gd name="connsiteY6" fmla="*/ 2487878 h 2658358"/>
              <a:gd name="connsiteX7" fmla="*/ 8584583 w 8755063"/>
              <a:gd name="connsiteY7" fmla="*/ 2658358 h 2658358"/>
              <a:gd name="connsiteX8" fmla="*/ 1009650 w 8755063"/>
              <a:gd name="connsiteY8" fmla="*/ 2658358 h 2658358"/>
              <a:gd name="connsiteX9" fmla="*/ 170480 w 8755063"/>
              <a:gd name="connsiteY9" fmla="*/ 2658358 h 2658358"/>
              <a:gd name="connsiteX10" fmla="*/ 0 w 8755063"/>
              <a:gd name="connsiteY10" fmla="*/ 2658358 h 2658358"/>
              <a:gd name="connsiteX0" fmla="*/ 7745413 w 8755063"/>
              <a:gd name="connsiteY0" fmla="*/ 0 h 2658358"/>
              <a:gd name="connsiteX1" fmla="*/ 8584583 w 8755063"/>
              <a:gd name="connsiteY1" fmla="*/ 0 h 2658358"/>
              <a:gd name="connsiteX2" fmla="*/ 8755063 w 8755063"/>
              <a:gd name="connsiteY2" fmla="*/ 0 h 2658358"/>
              <a:gd name="connsiteX3" fmla="*/ 8755063 w 8755063"/>
              <a:gd name="connsiteY3" fmla="*/ 170480 h 2658358"/>
              <a:gd name="connsiteX4" fmla="*/ 8755063 w 8755063"/>
              <a:gd name="connsiteY4" fmla="*/ 1162050 h 2658358"/>
              <a:gd name="connsiteX5" fmla="*/ 8755063 w 8755063"/>
              <a:gd name="connsiteY5" fmla="*/ 2487878 h 2658358"/>
              <a:gd name="connsiteX6" fmla="*/ 8584583 w 8755063"/>
              <a:gd name="connsiteY6" fmla="*/ 2658358 h 2658358"/>
              <a:gd name="connsiteX7" fmla="*/ 1009650 w 8755063"/>
              <a:gd name="connsiteY7" fmla="*/ 2658358 h 2658358"/>
              <a:gd name="connsiteX8" fmla="*/ 170480 w 8755063"/>
              <a:gd name="connsiteY8" fmla="*/ 2658358 h 2658358"/>
              <a:gd name="connsiteX9" fmla="*/ 0 w 8755063"/>
              <a:gd name="connsiteY9" fmla="*/ 2658358 h 2658358"/>
              <a:gd name="connsiteX0" fmla="*/ 8584583 w 8755063"/>
              <a:gd name="connsiteY0" fmla="*/ 0 h 2658358"/>
              <a:gd name="connsiteX1" fmla="*/ 8755063 w 8755063"/>
              <a:gd name="connsiteY1" fmla="*/ 0 h 2658358"/>
              <a:gd name="connsiteX2" fmla="*/ 8755063 w 8755063"/>
              <a:gd name="connsiteY2" fmla="*/ 170480 h 2658358"/>
              <a:gd name="connsiteX3" fmla="*/ 8755063 w 8755063"/>
              <a:gd name="connsiteY3" fmla="*/ 1162050 h 2658358"/>
              <a:gd name="connsiteX4" fmla="*/ 8755063 w 8755063"/>
              <a:gd name="connsiteY4" fmla="*/ 2487878 h 2658358"/>
              <a:gd name="connsiteX5" fmla="*/ 8584583 w 8755063"/>
              <a:gd name="connsiteY5" fmla="*/ 2658358 h 2658358"/>
              <a:gd name="connsiteX6" fmla="*/ 1009650 w 8755063"/>
              <a:gd name="connsiteY6" fmla="*/ 2658358 h 2658358"/>
              <a:gd name="connsiteX7" fmla="*/ 170480 w 8755063"/>
              <a:gd name="connsiteY7" fmla="*/ 2658358 h 2658358"/>
              <a:gd name="connsiteX8" fmla="*/ 0 w 8755063"/>
              <a:gd name="connsiteY8" fmla="*/ 2658358 h 2658358"/>
              <a:gd name="connsiteX0" fmla="*/ 8755063 w 8755063"/>
              <a:gd name="connsiteY0" fmla="*/ 0 h 2658358"/>
              <a:gd name="connsiteX1" fmla="*/ 8755063 w 8755063"/>
              <a:gd name="connsiteY1" fmla="*/ 170480 h 2658358"/>
              <a:gd name="connsiteX2" fmla="*/ 8755063 w 8755063"/>
              <a:gd name="connsiteY2" fmla="*/ 1162050 h 2658358"/>
              <a:gd name="connsiteX3" fmla="*/ 8755063 w 8755063"/>
              <a:gd name="connsiteY3" fmla="*/ 2487878 h 2658358"/>
              <a:gd name="connsiteX4" fmla="*/ 8584583 w 8755063"/>
              <a:gd name="connsiteY4" fmla="*/ 2658358 h 2658358"/>
              <a:gd name="connsiteX5" fmla="*/ 1009650 w 8755063"/>
              <a:gd name="connsiteY5" fmla="*/ 2658358 h 2658358"/>
              <a:gd name="connsiteX6" fmla="*/ 170480 w 8755063"/>
              <a:gd name="connsiteY6" fmla="*/ 2658358 h 2658358"/>
              <a:gd name="connsiteX7" fmla="*/ 0 w 8755063"/>
              <a:gd name="connsiteY7" fmla="*/ 2658358 h 26583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8755063" h="2658358">
                <a:moveTo>
                  <a:pt x="8755063" y="0"/>
                </a:moveTo>
                <a:lnTo>
                  <a:pt x="8755063" y="170480"/>
                </a:lnTo>
                <a:lnTo>
                  <a:pt x="8755063" y="1162050"/>
                </a:lnTo>
                <a:lnTo>
                  <a:pt x="8755063" y="2487878"/>
                </a:lnTo>
                <a:cubicBezTo>
                  <a:pt x="8755063" y="2582032"/>
                  <a:pt x="8678737" y="2658358"/>
                  <a:pt x="8584583" y="2658358"/>
                </a:cubicBezTo>
                <a:lnTo>
                  <a:pt x="1009650" y="2658358"/>
                </a:lnTo>
                <a:lnTo>
                  <a:pt x="170480" y="2658358"/>
                </a:lnTo>
                <a:lnTo>
                  <a:pt x="0" y="265835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7" name="Kombinationstegning: figur 36">
            <a:extLst>
              <a:ext uri="{FF2B5EF4-FFF2-40B4-BE49-F238E27FC236}">
                <a16:creationId xmlns:a16="http://schemas.microsoft.com/office/drawing/2014/main" id="{CBEC9A72-2B6F-4DB6-32FC-DB444A5AD36D}"/>
              </a:ext>
            </a:extLst>
          </p:cNvPr>
          <p:cNvSpPr/>
          <p:nvPr userDrawn="1"/>
        </p:nvSpPr>
        <p:spPr>
          <a:xfrm>
            <a:off x="6224588" y="2917009"/>
            <a:ext cx="3295270" cy="3824359"/>
          </a:xfrm>
          <a:custGeom>
            <a:avLst/>
            <a:gdLst>
              <a:gd name="connsiteX0" fmla="*/ 0 w 3295270"/>
              <a:gd name="connsiteY0" fmla="*/ 0 h 3824359"/>
              <a:gd name="connsiteX1" fmla="*/ 174386 w 3295270"/>
              <a:gd name="connsiteY1" fmla="*/ 0 h 3824359"/>
              <a:gd name="connsiteX2" fmla="*/ 1009650 w 3295270"/>
              <a:gd name="connsiteY2" fmla="*/ 0 h 3824359"/>
              <a:gd name="connsiteX3" fmla="*/ 3120884 w 3295270"/>
              <a:gd name="connsiteY3" fmla="*/ 0 h 3824359"/>
              <a:gd name="connsiteX4" fmla="*/ 3295270 w 3295270"/>
              <a:gd name="connsiteY4" fmla="*/ 174386 h 3824359"/>
              <a:gd name="connsiteX5" fmla="*/ 3295270 w 3295270"/>
              <a:gd name="connsiteY5" fmla="*/ 3649973 h 3824359"/>
              <a:gd name="connsiteX6" fmla="*/ 3120884 w 3295270"/>
              <a:gd name="connsiteY6" fmla="*/ 3824359 h 3824359"/>
              <a:gd name="connsiteX7" fmla="*/ 174386 w 3295270"/>
              <a:gd name="connsiteY7" fmla="*/ 3824359 h 3824359"/>
              <a:gd name="connsiteX8" fmla="*/ 0 w 3295270"/>
              <a:gd name="connsiteY8" fmla="*/ 3649973 h 3824359"/>
              <a:gd name="connsiteX9" fmla="*/ 0 w 3295270"/>
              <a:gd name="connsiteY9" fmla="*/ 1162050 h 3824359"/>
              <a:gd name="connsiteX10" fmla="*/ 0 w 3295270"/>
              <a:gd name="connsiteY10" fmla="*/ 174386 h 38243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295270" h="3824359">
                <a:moveTo>
                  <a:pt x="0" y="0"/>
                </a:moveTo>
                <a:lnTo>
                  <a:pt x="174386" y="0"/>
                </a:lnTo>
                <a:lnTo>
                  <a:pt x="1009650" y="0"/>
                </a:lnTo>
                <a:lnTo>
                  <a:pt x="3120884" y="0"/>
                </a:lnTo>
                <a:cubicBezTo>
                  <a:pt x="3217195" y="0"/>
                  <a:pt x="3295270" y="78075"/>
                  <a:pt x="3295270" y="174386"/>
                </a:cubicBezTo>
                <a:lnTo>
                  <a:pt x="3295270" y="3649973"/>
                </a:lnTo>
                <a:cubicBezTo>
                  <a:pt x="3295270" y="3746284"/>
                  <a:pt x="3217195" y="3824359"/>
                  <a:pt x="3120884" y="3824359"/>
                </a:cubicBezTo>
                <a:lnTo>
                  <a:pt x="174386" y="3824359"/>
                </a:lnTo>
                <a:cubicBezTo>
                  <a:pt x="78075" y="3824359"/>
                  <a:pt x="0" y="3746284"/>
                  <a:pt x="0" y="3649973"/>
                </a:cubicBezTo>
                <a:lnTo>
                  <a:pt x="0" y="1162050"/>
                </a:lnTo>
                <a:lnTo>
                  <a:pt x="0" y="174386"/>
                </a:ln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6" name="Kombinationstegning: figur 35">
            <a:extLst>
              <a:ext uri="{FF2B5EF4-FFF2-40B4-BE49-F238E27FC236}">
                <a16:creationId xmlns:a16="http://schemas.microsoft.com/office/drawing/2014/main" id="{D60EE587-2189-29D3-95AB-B3CFE0CD4DA4}"/>
              </a:ext>
            </a:extLst>
          </p:cNvPr>
          <p:cNvSpPr/>
          <p:nvPr userDrawn="1"/>
        </p:nvSpPr>
        <p:spPr>
          <a:xfrm>
            <a:off x="9780954" y="2917009"/>
            <a:ext cx="2411045" cy="2412637"/>
          </a:xfrm>
          <a:custGeom>
            <a:avLst/>
            <a:gdLst>
              <a:gd name="connsiteX0" fmla="*/ 0 w 2411045"/>
              <a:gd name="connsiteY0" fmla="*/ 0 h 2412637"/>
              <a:gd name="connsiteX1" fmla="*/ 180322 w 2411045"/>
              <a:gd name="connsiteY1" fmla="*/ 0 h 2412637"/>
              <a:gd name="connsiteX2" fmla="*/ 1009650 w 2411045"/>
              <a:gd name="connsiteY2" fmla="*/ 0 h 2412637"/>
              <a:gd name="connsiteX3" fmla="*/ 1401395 w 2411045"/>
              <a:gd name="connsiteY3" fmla="*/ 0 h 2412637"/>
              <a:gd name="connsiteX4" fmla="*/ 2230723 w 2411045"/>
              <a:gd name="connsiteY4" fmla="*/ 0 h 2412637"/>
              <a:gd name="connsiteX5" fmla="*/ 2411045 w 2411045"/>
              <a:gd name="connsiteY5" fmla="*/ 0 h 2412637"/>
              <a:gd name="connsiteX6" fmla="*/ 2411045 w 2411045"/>
              <a:gd name="connsiteY6" fmla="*/ 180322 h 2412637"/>
              <a:gd name="connsiteX7" fmla="*/ 2411045 w 2411045"/>
              <a:gd name="connsiteY7" fmla="*/ 1162050 h 2412637"/>
              <a:gd name="connsiteX8" fmla="*/ 2411045 w 2411045"/>
              <a:gd name="connsiteY8" fmla="*/ 1250587 h 2412637"/>
              <a:gd name="connsiteX9" fmla="*/ 2411045 w 2411045"/>
              <a:gd name="connsiteY9" fmla="*/ 2232315 h 2412637"/>
              <a:gd name="connsiteX10" fmla="*/ 2411045 w 2411045"/>
              <a:gd name="connsiteY10" fmla="*/ 2412637 h 2412637"/>
              <a:gd name="connsiteX11" fmla="*/ 2230723 w 2411045"/>
              <a:gd name="connsiteY11" fmla="*/ 2412637 h 2412637"/>
              <a:gd name="connsiteX12" fmla="*/ 1401395 w 2411045"/>
              <a:gd name="connsiteY12" fmla="*/ 2412637 h 2412637"/>
              <a:gd name="connsiteX13" fmla="*/ 180322 w 2411045"/>
              <a:gd name="connsiteY13" fmla="*/ 2412637 h 2412637"/>
              <a:gd name="connsiteX14" fmla="*/ 0 w 2411045"/>
              <a:gd name="connsiteY14" fmla="*/ 2232315 h 2412637"/>
              <a:gd name="connsiteX15" fmla="*/ 0 w 2411045"/>
              <a:gd name="connsiteY15" fmla="*/ 1162050 h 2412637"/>
              <a:gd name="connsiteX16" fmla="*/ 0 w 2411045"/>
              <a:gd name="connsiteY16" fmla="*/ 180322 h 2412637"/>
              <a:gd name="connsiteX0" fmla="*/ 2411045 w 2502485"/>
              <a:gd name="connsiteY0" fmla="*/ 180322 h 2412637"/>
              <a:gd name="connsiteX1" fmla="*/ 2411045 w 2502485"/>
              <a:gd name="connsiteY1" fmla="*/ 1162050 h 2412637"/>
              <a:gd name="connsiteX2" fmla="*/ 2411045 w 2502485"/>
              <a:gd name="connsiteY2" fmla="*/ 1250587 h 2412637"/>
              <a:gd name="connsiteX3" fmla="*/ 2411045 w 2502485"/>
              <a:gd name="connsiteY3" fmla="*/ 2232315 h 2412637"/>
              <a:gd name="connsiteX4" fmla="*/ 2411045 w 2502485"/>
              <a:gd name="connsiteY4" fmla="*/ 2412637 h 2412637"/>
              <a:gd name="connsiteX5" fmla="*/ 2230723 w 2502485"/>
              <a:gd name="connsiteY5" fmla="*/ 2412637 h 2412637"/>
              <a:gd name="connsiteX6" fmla="*/ 1401395 w 2502485"/>
              <a:gd name="connsiteY6" fmla="*/ 2412637 h 2412637"/>
              <a:gd name="connsiteX7" fmla="*/ 180322 w 2502485"/>
              <a:gd name="connsiteY7" fmla="*/ 2412637 h 2412637"/>
              <a:gd name="connsiteX8" fmla="*/ 0 w 2502485"/>
              <a:gd name="connsiteY8" fmla="*/ 2232315 h 2412637"/>
              <a:gd name="connsiteX9" fmla="*/ 0 w 2502485"/>
              <a:gd name="connsiteY9" fmla="*/ 1162050 h 2412637"/>
              <a:gd name="connsiteX10" fmla="*/ 0 w 2502485"/>
              <a:gd name="connsiteY10" fmla="*/ 180322 h 2412637"/>
              <a:gd name="connsiteX11" fmla="*/ 0 w 2502485"/>
              <a:gd name="connsiteY11" fmla="*/ 0 h 2412637"/>
              <a:gd name="connsiteX12" fmla="*/ 180322 w 2502485"/>
              <a:gd name="connsiteY12" fmla="*/ 0 h 2412637"/>
              <a:gd name="connsiteX13" fmla="*/ 1009650 w 2502485"/>
              <a:gd name="connsiteY13" fmla="*/ 0 h 2412637"/>
              <a:gd name="connsiteX14" fmla="*/ 1401395 w 2502485"/>
              <a:gd name="connsiteY14" fmla="*/ 0 h 2412637"/>
              <a:gd name="connsiteX15" fmla="*/ 2230723 w 2502485"/>
              <a:gd name="connsiteY15" fmla="*/ 0 h 2412637"/>
              <a:gd name="connsiteX16" fmla="*/ 2411045 w 2502485"/>
              <a:gd name="connsiteY16" fmla="*/ 0 h 2412637"/>
              <a:gd name="connsiteX17" fmla="*/ 2502485 w 2502485"/>
              <a:gd name="connsiteY17" fmla="*/ 271762 h 2412637"/>
              <a:gd name="connsiteX0" fmla="*/ 2411045 w 2411045"/>
              <a:gd name="connsiteY0" fmla="*/ 180322 h 2412637"/>
              <a:gd name="connsiteX1" fmla="*/ 2411045 w 2411045"/>
              <a:gd name="connsiteY1" fmla="*/ 1162050 h 2412637"/>
              <a:gd name="connsiteX2" fmla="*/ 2411045 w 2411045"/>
              <a:gd name="connsiteY2" fmla="*/ 1250587 h 2412637"/>
              <a:gd name="connsiteX3" fmla="*/ 2411045 w 2411045"/>
              <a:gd name="connsiteY3" fmla="*/ 2232315 h 2412637"/>
              <a:gd name="connsiteX4" fmla="*/ 2411045 w 2411045"/>
              <a:gd name="connsiteY4" fmla="*/ 2412637 h 2412637"/>
              <a:gd name="connsiteX5" fmla="*/ 2230723 w 2411045"/>
              <a:gd name="connsiteY5" fmla="*/ 2412637 h 2412637"/>
              <a:gd name="connsiteX6" fmla="*/ 1401395 w 2411045"/>
              <a:gd name="connsiteY6" fmla="*/ 2412637 h 2412637"/>
              <a:gd name="connsiteX7" fmla="*/ 180322 w 2411045"/>
              <a:gd name="connsiteY7" fmla="*/ 2412637 h 2412637"/>
              <a:gd name="connsiteX8" fmla="*/ 0 w 2411045"/>
              <a:gd name="connsiteY8" fmla="*/ 2232315 h 2412637"/>
              <a:gd name="connsiteX9" fmla="*/ 0 w 2411045"/>
              <a:gd name="connsiteY9" fmla="*/ 1162050 h 2412637"/>
              <a:gd name="connsiteX10" fmla="*/ 0 w 2411045"/>
              <a:gd name="connsiteY10" fmla="*/ 180322 h 2412637"/>
              <a:gd name="connsiteX11" fmla="*/ 0 w 2411045"/>
              <a:gd name="connsiteY11" fmla="*/ 0 h 2412637"/>
              <a:gd name="connsiteX12" fmla="*/ 180322 w 2411045"/>
              <a:gd name="connsiteY12" fmla="*/ 0 h 2412637"/>
              <a:gd name="connsiteX13" fmla="*/ 1009650 w 2411045"/>
              <a:gd name="connsiteY13" fmla="*/ 0 h 2412637"/>
              <a:gd name="connsiteX14" fmla="*/ 1401395 w 2411045"/>
              <a:gd name="connsiteY14" fmla="*/ 0 h 2412637"/>
              <a:gd name="connsiteX15" fmla="*/ 2230723 w 2411045"/>
              <a:gd name="connsiteY15" fmla="*/ 0 h 2412637"/>
              <a:gd name="connsiteX16" fmla="*/ 2411045 w 2411045"/>
              <a:gd name="connsiteY16" fmla="*/ 0 h 2412637"/>
              <a:gd name="connsiteX0" fmla="*/ 2411045 w 2411045"/>
              <a:gd name="connsiteY0" fmla="*/ 1162050 h 2412637"/>
              <a:gd name="connsiteX1" fmla="*/ 2411045 w 2411045"/>
              <a:gd name="connsiteY1" fmla="*/ 1250587 h 2412637"/>
              <a:gd name="connsiteX2" fmla="*/ 2411045 w 2411045"/>
              <a:gd name="connsiteY2" fmla="*/ 2232315 h 2412637"/>
              <a:gd name="connsiteX3" fmla="*/ 2411045 w 2411045"/>
              <a:gd name="connsiteY3" fmla="*/ 2412637 h 2412637"/>
              <a:gd name="connsiteX4" fmla="*/ 2230723 w 2411045"/>
              <a:gd name="connsiteY4" fmla="*/ 2412637 h 2412637"/>
              <a:gd name="connsiteX5" fmla="*/ 1401395 w 2411045"/>
              <a:gd name="connsiteY5" fmla="*/ 2412637 h 2412637"/>
              <a:gd name="connsiteX6" fmla="*/ 180322 w 2411045"/>
              <a:gd name="connsiteY6" fmla="*/ 2412637 h 2412637"/>
              <a:gd name="connsiteX7" fmla="*/ 0 w 2411045"/>
              <a:gd name="connsiteY7" fmla="*/ 2232315 h 2412637"/>
              <a:gd name="connsiteX8" fmla="*/ 0 w 2411045"/>
              <a:gd name="connsiteY8" fmla="*/ 1162050 h 2412637"/>
              <a:gd name="connsiteX9" fmla="*/ 0 w 2411045"/>
              <a:gd name="connsiteY9" fmla="*/ 180322 h 2412637"/>
              <a:gd name="connsiteX10" fmla="*/ 0 w 2411045"/>
              <a:gd name="connsiteY10" fmla="*/ 0 h 2412637"/>
              <a:gd name="connsiteX11" fmla="*/ 180322 w 2411045"/>
              <a:gd name="connsiteY11" fmla="*/ 0 h 2412637"/>
              <a:gd name="connsiteX12" fmla="*/ 1009650 w 2411045"/>
              <a:gd name="connsiteY12" fmla="*/ 0 h 2412637"/>
              <a:gd name="connsiteX13" fmla="*/ 1401395 w 2411045"/>
              <a:gd name="connsiteY13" fmla="*/ 0 h 2412637"/>
              <a:gd name="connsiteX14" fmla="*/ 2230723 w 2411045"/>
              <a:gd name="connsiteY14" fmla="*/ 0 h 2412637"/>
              <a:gd name="connsiteX15" fmla="*/ 2411045 w 2411045"/>
              <a:gd name="connsiteY15" fmla="*/ 0 h 2412637"/>
              <a:gd name="connsiteX0" fmla="*/ 2411045 w 2411045"/>
              <a:gd name="connsiteY0" fmla="*/ 1250587 h 2412637"/>
              <a:gd name="connsiteX1" fmla="*/ 2411045 w 2411045"/>
              <a:gd name="connsiteY1" fmla="*/ 2232315 h 2412637"/>
              <a:gd name="connsiteX2" fmla="*/ 2411045 w 2411045"/>
              <a:gd name="connsiteY2" fmla="*/ 2412637 h 2412637"/>
              <a:gd name="connsiteX3" fmla="*/ 2230723 w 2411045"/>
              <a:gd name="connsiteY3" fmla="*/ 2412637 h 2412637"/>
              <a:gd name="connsiteX4" fmla="*/ 1401395 w 2411045"/>
              <a:gd name="connsiteY4" fmla="*/ 2412637 h 2412637"/>
              <a:gd name="connsiteX5" fmla="*/ 180322 w 2411045"/>
              <a:gd name="connsiteY5" fmla="*/ 2412637 h 2412637"/>
              <a:gd name="connsiteX6" fmla="*/ 0 w 2411045"/>
              <a:gd name="connsiteY6" fmla="*/ 2232315 h 2412637"/>
              <a:gd name="connsiteX7" fmla="*/ 0 w 2411045"/>
              <a:gd name="connsiteY7" fmla="*/ 1162050 h 2412637"/>
              <a:gd name="connsiteX8" fmla="*/ 0 w 2411045"/>
              <a:gd name="connsiteY8" fmla="*/ 180322 h 2412637"/>
              <a:gd name="connsiteX9" fmla="*/ 0 w 2411045"/>
              <a:gd name="connsiteY9" fmla="*/ 0 h 2412637"/>
              <a:gd name="connsiteX10" fmla="*/ 180322 w 2411045"/>
              <a:gd name="connsiteY10" fmla="*/ 0 h 2412637"/>
              <a:gd name="connsiteX11" fmla="*/ 1009650 w 2411045"/>
              <a:gd name="connsiteY11" fmla="*/ 0 h 2412637"/>
              <a:gd name="connsiteX12" fmla="*/ 1401395 w 2411045"/>
              <a:gd name="connsiteY12" fmla="*/ 0 h 2412637"/>
              <a:gd name="connsiteX13" fmla="*/ 2230723 w 2411045"/>
              <a:gd name="connsiteY13" fmla="*/ 0 h 2412637"/>
              <a:gd name="connsiteX14" fmla="*/ 2411045 w 2411045"/>
              <a:gd name="connsiteY14" fmla="*/ 0 h 2412637"/>
              <a:gd name="connsiteX0" fmla="*/ 2411045 w 2411045"/>
              <a:gd name="connsiteY0" fmla="*/ 2232315 h 2412637"/>
              <a:gd name="connsiteX1" fmla="*/ 2411045 w 2411045"/>
              <a:gd name="connsiteY1" fmla="*/ 2412637 h 2412637"/>
              <a:gd name="connsiteX2" fmla="*/ 2230723 w 2411045"/>
              <a:gd name="connsiteY2" fmla="*/ 2412637 h 2412637"/>
              <a:gd name="connsiteX3" fmla="*/ 1401395 w 2411045"/>
              <a:gd name="connsiteY3" fmla="*/ 2412637 h 2412637"/>
              <a:gd name="connsiteX4" fmla="*/ 180322 w 2411045"/>
              <a:gd name="connsiteY4" fmla="*/ 2412637 h 2412637"/>
              <a:gd name="connsiteX5" fmla="*/ 0 w 2411045"/>
              <a:gd name="connsiteY5" fmla="*/ 2232315 h 2412637"/>
              <a:gd name="connsiteX6" fmla="*/ 0 w 2411045"/>
              <a:gd name="connsiteY6" fmla="*/ 1162050 h 2412637"/>
              <a:gd name="connsiteX7" fmla="*/ 0 w 2411045"/>
              <a:gd name="connsiteY7" fmla="*/ 180322 h 2412637"/>
              <a:gd name="connsiteX8" fmla="*/ 0 w 2411045"/>
              <a:gd name="connsiteY8" fmla="*/ 0 h 2412637"/>
              <a:gd name="connsiteX9" fmla="*/ 180322 w 2411045"/>
              <a:gd name="connsiteY9" fmla="*/ 0 h 2412637"/>
              <a:gd name="connsiteX10" fmla="*/ 1009650 w 2411045"/>
              <a:gd name="connsiteY10" fmla="*/ 0 h 2412637"/>
              <a:gd name="connsiteX11" fmla="*/ 1401395 w 2411045"/>
              <a:gd name="connsiteY11" fmla="*/ 0 h 2412637"/>
              <a:gd name="connsiteX12" fmla="*/ 2230723 w 2411045"/>
              <a:gd name="connsiteY12" fmla="*/ 0 h 2412637"/>
              <a:gd name="connsiteX13" fmla="*/ 2411045 w 2411045"/>
              <a:gd name="connsiteY13" fmla="*/ 0 h 2412637"/>
              <a:gd name="connsiteX0" fmla="*/ 2411045 w 2411045"/>
              <a:gd name="connsiteY0" fmla="*/ 2412637 h 2412637"/>
              <a:gd name="connsiteX1" fmla="*/ 2230723 w 2411045"/>
              <a:gd name="connsiteY1" fmla="*/ 2412637 h 2412637"/>
              <a:gd name="connsiteX2" fmla="*/ 1401395 w 2411045"/>
              <a:gd name="connsiteY2" fmla="*/ 2412637 h 2412637"/>
              <a:gd name="connsiteX3" fmla="*/ 180322 w 2411045"/>
              <a:gd name="connsiteY3" fmla="*/ 2412637 h 2412637"/>
              <a:gd name="connsiteX4" fmla="*/ 0 w 2411045"/>
              <a:gd name="connsiteY4" fmla="*/ 2232315 h 2412637"/>
              <a:gd name="connsiteX5" fmla="*/ 0 w 2411045"/>
              <a:gd name="connsiteY5" fmla="*/ 1162050 h 2412637"/>
              <a:gd name="connsiteX6" fmla="*/ 0 w 2411045"/>
              <a:gd name="connsiteY6" fmla="*/ 180322 h 2412637"/>
              <a:gd name="connsiteX7" fmla="*/ 0 w 2411045"/>
              <a:gd name="connsiteY7" fmla="*/ 0 h 2412637"/>
              <a:gd name="connsiteX8" fmla="*/ 180322 w 2411045"/>
              <a:gd name="connsiteY8" fmla="*/ 0 h 2412637"/>
              <a:gd name="connsiteX9" fmla="*/ 1009650 w 2411045"/>
              <a:gd name="connsiteY9" fmla="*/ 0 h 2412637"/>
              <a:gd name="connsiteX10" fmla="*/ 1401395 w 2411045"/>
              <a:gd name="connsiteY10" fmla="*/ 0 h 2412637"/>
              <a:gd name="connsiteX11" fmla="*/ 2230723 w 2411045"/>
              <a:gd name="connsiteY11" fmla="*/ 0 h 2412637"/>
              <a:gd name="connsiteX12" fmla="*/ 2411045 w 2411045"/>
              <a:gd name="connsiteY12" fmla="*/ 0 h 24126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411045" h="2412637">
                <a:moveTo>
                  <a:pt x="2411045" y="2412637"/>
                </a:moveTo>
                <a:lnTo>
                  <a:pt x="2230723" y="2412637"/>
                </a:lnTo>
                <a:lnTo>
                  <a:pt x="1401395" y="2412637"/>
                </a:lnTo>
                <a:lnTo>
                  <a:pt x="180322" y="2412637"/>
                </a:lnTo>
                <a:cubicBezTo>
                  <a:pt x="80733" y="2412637"/>
                  <a:pt x="0" y="2331904"/>
                  <a:pt x="0" y="2232315"/>
                </a:cubicBezTo>
                <a:lnTo>
                  <a:pt x="0" y="1162050"/>
                </a:lnTo>
                <a:lnTo>
                  <a:pt x="0" y="180322"/>
                </a:lnTo>
                <a:lnTo>
                  <a:pt x="0" y="0"/>
                </a:lnTo>
                <a:lnTo>
                  <a:pt x="180322" y="0"/>
                </a:lnTo>
                <a:lnTo>
                  <a:pt x="1009650" y="0"/>
                </a:lnTo>
                <a:lnTo>
                  <a:pt x="1401395" y="0"/>
                </a:lnTo>
                <a:lnTo>
                  <a:pt x="2230723" y="0"/>
                </a:lnTo>
                <a:lnTo>
                  <a:pt x="241104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864823" cy="1548000"/>
          </a:xfrm>
        </p:spPr>
        <p:txBody>
          <a:bodyPr anchor="t" anchorCtr="0"/>
          <a:lstStyle>
            <a:lvl1pPr algn="l">
              <a:defRPr sz="4800">
                <a:solidFill>
                  <a:schemeClr val="bg1"/>
                </a:solidFill>
              </a:defRPr>
            </a:lvl1pPr>
          </a:lstStyle>
          <a:p>
            <a:r>
              <a:rPr lang="da-DK" dirty="0"/>
              <a:t>Klik for at indsætte overskrift – max. to linjer</a:t>
            </a:r>
          </a:p>
        </p:txBody>
      </p:sp>
      <p:sp>
        <p:nvSpPr>
          <p:cNvPr id="4" name="TextBox 16">
            <a:extLst>
              <a:ext uri="{FF2B5EF4-FFF2-40B4-BE49-F238E27FC236}">
                <a16:creationId xmlns:a16="http://schemas.microsoft.com/office/drawing/2014/main" id="{F0DE24AE-4CF1-6AAE-9434-71C296F5A545}"/>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p>
        </p:txBody>
      </p:sp>
      <p:sp>
        <p:nvSpPr>
          <p:cNvPr id="5" name="Kombinationstegning: figur 4">
            <a:extLst>
              <a:ext uri="{FF2B5EF4-FFF2-40B4-BE49-F238E27FC236}">
                <a16:creationId xmlns:a16="http://schemas.microsoft.com/office/drawing/2014/main" id="{77AD0AB1-B695-8A3F-4BBC-52A16EC0F7C1}"/>
              </a:ext>
            </a:extLst>
          </p:cNvPr>
          <p:cNvSpPr/>
          <p:nvPr userDrawn="1"/>
        </p:nvSpPr>
        <p:spPr>
          <a:xfrm flipV="1">
            <a:off x="9013826" y="209451"/>
            <a:ext cx="3178174" cy="2459734"/>
          </a:xfrm>
          <a:custGeom>
            <a:avLst/>
            <a:gdLst>
              <a:gd name="connsiteX0" fmla="*/ 0 w 3178174"/>
              <a:gd name="connsiteY0" fmla="*/ 0 h 2459734"/>
              <a:gd name="connsiteX1" fmla="*/ 179659 w 3178174"/>
              <a:gd name="connsiteY1" fmla="*/ 0 h 2459734"/>
              <a:gd name="connsiteX2" fmla="*/ 1009650 w 3178174"/>
              <a:gd name="connsiteY2" fmla="*/ 0 h 2459734"/>
              <a:gd name="connsiteX3" fmla="*/ 2168523 w 3178174"/>
              <a:gd name="connsiteY3" fmla="*/ 0 h 2459734"/>
              <a:gd name="connsiteX4" fmla="*/ 2998515 w 3178174"/>
              <a:gd name="connsiteY4" fmla="*/ 0 h 2459734"/>
              <a:gd name="connsiteX5" fmla="*/ 3178173 w 3178174"/>
              <a:gd name="connsiteY5" fmla="*/ 0 h 2459734"/>
              <a:gd name="connsiteX6" fmla="*/ 3178173 w 3178174"/>
              <a:gd name="connsiteY6" fmla="*/ 179654 h 2459734"/>
              <a:gd name="connsiteX7" fmla="*/ 3178174 w 3178174"/>
              <a:gd name="connsiteY7" fmla="*/ 179659 h 2459734"/>
              <a:gd name="connsiteX8" fmla="*/ 3178174 w 3178174"/>
              <a:gd name="connsiteY8" fmla="*/ 1297684 h 2459734"/>
              <a:gd name="connsiteX9" fmla="*/ 3178174 w 3178174"/>
              <a:gd name="connsiteY9" fmla="*/ 2280075 h 2459734"/>
              <a:gd name="connsiteX10" fmla="*/ 3178174 w 3178174"/>
              <a:gd name="connsiteY10" fmla="*/ 2459734 h 2459734"/>
              <a:gd name="connsiteX11" fmla="*/ 2998515 w 3178174"/>
              <a:gd name="connsiteY11" fmla="*/ 2459734 h 2459734"/>
              <a:gd name="connsiteX12" fmla="*/ 2168524 w 3178174"/>
              <a:gd name="connsiteY12" fmla="*/ 2459734 h 2459734"/>
              <a:gd name="connsiteX13" fmla="*/ 179659 w 3178174"/>
              <a:gd name="connsiteY13" fmla="*/ 2459734 h 2459734"/>
              <a:gd name="connsiteX14" fmla="*/ 0 w 3178174"/>
              <a:gd name="connsiteY14" fmla="*/ 2280075 h 2459734"/>
              <a:gd name="connsiteX15" fmla="*/ 0 w 3178174"/>
              <a:gd name="connsiteY15" fmla="*/ 1162050 h 2459734"/>
              <a:gd name="connsiteX16" fmla="*/ 0 w 3178174"/>
              <a:gd name="connsiteY16" fmla="*/ 179659 h 2459734"/>
              <a:gd name="connsiteX0" fmla="*/ 3178174 w 3269614"/>
              <a:gd name="connsiteY0" fmla="*/ 179659 h 2459734"/>
              <a:gd name="connsiteX1" fmla="*/ 3178174 w 3269614"/>
              <a:gd name="connsiteY1" fmla="*/ 1297684 h 2459734"/>
              <a:gd name="connsiteX2" fmla="*/ 3178174 w 3269614"/>
              <a:gd name="connsiteY2" fmla="*/ 2280075 h 2459734"/>
              <a:gd name="connsiteX3" fmla="*/ 3178174 w 3269614"/>
              <a:gd name="connsiteY3" fmla="*/ 2459734 h 2459734"/>
              <a:gd name="connsiteX4" fmla="*/ 2998515 w 3269614"/>
              <a:gd name="connsiteY4" fmla="*/ 2459734 h 2459734"/>
              <a:gd name="connsiteX5" fmla="*/ 2168524 w 3269614"/>
              <a:gd name="connsiteY5" fmla="*/ 2459734 h 2459734"/>
              <a:gd name="connsiteX6" fmla="*/ 179659 w 3269614"/>
              <a:gd name="connsiteY6" fmla="*/ 2459734 h 2459734"/>
              <a:gd name="connsiteX7" fmla="*/ 0 w 3269614"/>
              <a:gd name="connsiteY7" fmla="*/ 2280075 h 2459734"/>
              <a:gd name="connsiteX8" fmla="*/ 0 w 3269614"/>
              <a:gd name="connsiteY8" fmla="*/ 1162050 h 2459734"/>
              <a:gd name="connsiteX9" fmla="*/ 0 w 3269614"/>
              <a:gd name="connsiteY9" fmla="*/ 179659 h 2459734"/>
              <a:gd name="connsiteX10" fmla="*/ 0 w 3269614"/>
              <a:gd name="connsiteY10" fmla="*/ 0 h 2459734"/>
              <a:gd name="connsiteX11" fmla="*/ 179659 w 3269614"/>
              <a:gd name="connsiteY11" fmla="*/ 0 h 2459734"/>
              <a:gd name="connsiteX12" fmla="*/ 1009650 w 3269614"/>
              <a:gd name="connsiteY12" fmla="*/ 0 h 2459734"/>
              <a:gd name="connsiteX13" fmla="*/ 2168523 w 3269614"/>
              <a:gd name="connsiteY13" fmla="*/ 0 h 2459734"/>
              <a:gd name="connsiteX14" fmla="*/ 2998515 w 3269614"/>
              <a:gd name="connsiteY14" fmla="*/ 0 h 2459734"/>
              <a:gd name="connsiteX15" fmla="*/ 3178173 w 3269614"/>
              <a:gd name="connsiteY15" fmla="*/ 0 h 2459734"/>
              <a:gd name="connsiteX16" fmla="*/ 3178173 w 3269614"/>
              <a:gd name="connsiteY16" fmla="*/ 179654 h 2459734"/>
              <a:gd name="connsiteX17" fmla="*/ 3269614 w 3269614"/>
              <a:gd name="connsiteY17" fmla="*/ 271099 h 2459734"/>
              <a:gd name="connsiteX0" fmla="*/ 3178174 w 3269614"/>
              <a:gd name="connsiteY0" fmla="*/ 179659 h 2459734"/>
              <a:gd name="connsiteX1" fmla="*/ 3178174 w 3269614"/>
              <a:gd name="connsiteY1" fmla="*/ 1297684 h 2459734"/>
              <a:gd name="connsiteX2" fmla="*/ 3178174 w 3269614"/>
              <a:gd name="connsiteY2" fmla="*/ 2280075 h 2459734"/>
              <a:gd name="connsiteX3" fmla="*/ 3178174 w 3269614"/>
              <a:gd name="connsiteY3" fmla="*/ 2459734 h 2459734"/>
              <a:gd name="connsiteX4" fmla="*/ 2998515 w 3269614"/>
              <a:gd name="connsiteY4" fmla="*/ 2459734 h 2459734"/>
              <a:gd name="connsiteX5" fmla="*/ 2168524 w 3269614"/>
              <a:gd name="connsiteY5" fmla="*/ 2459734 h 2459734"/>
              <a:gd name="connsiteX6" fmla="*/ 179659 w 3269614"/>
              <a:gd name="connsiteY6" fmla="*/ 2459734 h 2459734"/>
              <a:gd name="connsiteX7" fmla="*/ 0 w 3269614"/>
              <a:gd name="connsiteY7" fmla="*/ 2280075 h 2459734"/>
              <a:gd name="connsiteX8" fmla="*/ 0 w 3269614"/>
              <a:gd name="connsiteY8" fmla="*/ 1162050 h 2459734"/>
              <a:gd name="connsiteX9" fmla="*/ 0 w 3269614"/>
              <a:gd name="connsiteY9" fmla="*/ 179659 h 2459734"/>
              <a:gd name="connsiteX10" fmla="*/ 0 w 3269614"/>
              <a:gd name="connsiteY10" fmla="*/ 0 h 2459734"/>
              <a:gd name="connsiteX11" fmla="*/ 179659 w 3269614"/>
              <a:gd name="connsiteY11" fmla="*/ 0 h 2459734"/>
              <a:gd name="connsiteX12" fmla="*/ 1009650 w 3269614"/>
              <a:gd name="connsiteY12" fmla="*/ 0 h 2459734"/>
              <a:gd name="connsiteX13" fmla="*/ 2168523 w 3269614"/>
              <a:gd name="connsiteY13" fmla="*/ 0 h 2459734"/>
              <a:gd name="connsiteX14" fmla="*/ 2998515 w 3269614"/>
              <a:gd name="connsiteY14" fmla="*/ 0 h 2459734"/>
              <a:gd name="connsiteX15" fmla="*/ 3178173 w 3269614"/>
              <a:gd name="connsiteY15" fmla="*/ 0 h 2459734"/>
              <a:gd name="connsiteX16" fmla="*/ 3269614 w 3269614"/>
              <a:gd name="connsiteY16" fmla="*/ 271099 h 2459734"/>
              <a:gd name="connsiteX0" fmla="*/ 3178174 w 3269614"/>
              <a:gd name="connsiteY0" fmla="*/ 1297684 h 2459734"/>
              <a:gd name="connsiteX1" fmla="*/ 3178174 w 3269614"/>
              <a:gd name="connsiteY1" fmla="*/ 2280075 h 2459734"/>
              <a:gd name="connsiteX2" fmla="*/ 3178174 w 3269614"/>
              <a:gd name="connsiteY2" fmla="*/ 2459734 h 2459734"/>
              <a:gd name="connsiteX3" fmla="*/ 2998515 w 3269614"/>
              <a:gd name="connsiteY3" fmla="*/ 2459734 h 2459734"/>
              <a:gd name="connsiteX4" fmla="*/ 2168524 w 3269614"/>
              <a:gd name="connsiteY4" fmla="*/ 2459734 h 2459734"/>
              <a:gd name="connsiteX5" fmla="*/ 179659 w 3269614"/>
              <a:gd name="connsiteY5" fmla="*/ 2459734 h 2459734"/>
              <a:gd name="connsiteX6" fmla="*/ 0 w 3269614"/>
              <a:gd name="connsiteY6" fmla="*/ 2280075 h 2459734"/>
              <a:gd name="connsiteX7" fmla="*/ 0 w 3269614"/>
              <a:gd name="connsiteY7" fmla="*/ 1162050 h 2459734"/>
              <a:gd name="connsiteX8" fmla="*/ 0 w 3269614"/>
              <a:gd name="connsiteY8" fmla="*/ 179659 h 2459734"/>
              <a:gd name="connsiteX9" fmla="*/ 0 w 3269614"/>
              <a:gd name="connsiteY9" fmla="*/ 0 h 2459734"/>
              <a:gd name="connsiteX10" fmla="*/ 179659 w 3269614"/>
              <a:gd name="connsiteY10" fmla="*/ 0 h 2459734"/>
              <a:gd name="connsiteX11" fmla="*/ 1009650 w 3269614"/>
              <a:gd name="connsiteY11" fmla="*/ 0 h 2459734"/>
              <a:gd name="connsiteX12" fmla="*/ 2168523 w 3269614"/>
              <a:gd name="connsiteY12" fmla="*/ 0 h 2459734"/>
              <a:gd name="connsiteX13" fmla="*/ 2998515 w 3269614"/>
              <a:gd name="connsiteY13" fmla="*/ 0 h 2459734"/>
              <a:gd name="connsiteX14" fmla="*/ 3178173 w 3269614"/>
              <a:gd name="connsiteY14" fmla="*/ 0 h 2459734"/>
              <a:gd name="connsiteX15" fmla="*/ 3269614 w 3269614"/>
              <a:gd name="connsiteY15" fmla="*/ 271099 h 2459734"/>
              <a:gd name="connsiteX0" fmla="*/ 3178174 w 3269614"/>
              <a:gd name="connsiteY0" fmla="*/ 2280075 h 2459734"/>
              <a:gd name="connsiteX1" fmla="*/ 3178174 w 3269614"/>
              <a:gd name="connsiteY1" fmla="*/ 2459734 h 2459734"/>
              <a:gd name="connsiteX2" fmla="*/ 2998515 w 3269614"/>
              <a:gd name="connsiteY2" fmla="*/ 2459734 h 2459734"/>
              <a:gd name="connsiteX3" fmla="*/ 2168524 w 3269614"/>
              <a:gd name="connsiteY3" fmla="*/ 2459734 h 2459734"/>
              <a:gd name="connsiteX4" fmla="*/ 179659 w 3269614"/>
              <a:gd name="connsiteY4" fmla="*/ 2459734 h 2459734"/>
              <a:gd name="connsiteX5" fmla="*/ 0 w 3269614"/>
              <a:gd name="connsiteY5" fmla="*/ 2280075 h 2459734"/>
              <a:gd name="connsiteX6" fmla="*/ 0 w 3269614"/>
              <a:gd name="connsiteY6" fmla="*/ 1162050 h 2459734"/>
              <a:gd name="connsiteX7" fmla="*/ 0 w 3269614"/>
              <a:gd name="connsiteY7" fmla="*/ 179659 h 2459734"/>
              <a:gd name="connsiteX8" fmla="*/ 0 w 3269614"/>
              <a:gd name="connsiteY8" fmla="*/ 0 h 2459734"/>
              <a:gd name="connsiteX9" fmla="*/ 179659 w 3269614"/>
              <a:gd name="connsiteY9" fmla="*/ 0 h 2459734"/>
              <a:gd name="connsiteX10" fmla="*/ 1009650 w 3269614"/>
              <a:gd name="connsiteY10" fmla="*/ 0 h 2459734"/>
              <a:gd name="connsiteX11" fmla="*/ 2168523 w 3269614"/>
              <a:gd name="connsiteY11" fmla="*/ 0 h 2459734"/>
              <a:gd name="connsiteX12" fmla="*/ 2998515 w 3269614"/>
              <a:gd name="connsiteY12" fmla="*/ 0 h 2459734"/>
              <a:gd name="connsiteX13" fmla="*/ 3178173 w 3269614"/>
              <a:gd name="connsiteY13" fmla="*/ 0 h 2459734"/>
              <a:gd name="connsiteX14" fmla="*/ 3269614 w 3269614"/>
              <a:gd name="connsiteY14" fmla="*/ 271099 h 2459734"/>
              <a:gd name="connsiteX0" fmla="*/ 3178174 w 3269614"/>
              <a:gd name="connsiteY0" fmla="*/ 2459734 h 2459734"/>
              <a:gd name="connsiteX1" fmla="*/ 2998515 w 3269614"/>
              <a:gd name="connsiteY1" fmla="*/ 2459734 h 2459734"/>
              <a:gd name="connsiteX2" fmla="*/ 2168524 w 3269614"/>
              <a:gd name="connsiteY2" fmla="*/ 2459734 h 2459734"/>
              <a:gd name="connsiteX3" fmla="*/ 179659 w 3269614"/>
              <a:gd name="connsiteY3" fmla="*/ 2459734 h 2459734"/>
              <a:gd name="connsiteX4" fmla="*/ 0 w 3269614"/>
              <a:gd name="connsiteY4" fmla="*/ 2280075 h 2459734"/>
              <a:gd name="connsiteX5" fmla="*/ 0 w 3269614"/>
              <a:gd name="connsiteY5" fmla="*/ 1162050 h 2459734"/>
              <a:gd name="connsiteX6" fmla="*/ 0 w 3269614"/>
              <a:gd name="connsiteY6" fmla="*/ 179659 h 2459734"/>
              <a:gd name="connsiteX7" fmla="*/ 0 w 3269614"/>
              <a:gd name="connsiteY7" fmla="*/ 0 h 2459734"/>
              <a:gd name="connsiteX8" fmla="*/ 179659 w 3269614"/>
              <a:gd name="connsiteY8" fmla="*/ 0 h 2459734"/>
              <a:gd name="connsiteX9" fmla="*/ 1009650 w 3269614"/>
              <a:gd name="connsiteY9" fmla="*/ 0 h 2459734"/>
              <a:gd name="connsiteX10" fmla="*/ 2168523 w 3269614"/>
              <a:gd name="connsiteY10" fmla="*/ 0 h 2459734"/>
              <a:gd name="connsiteX11" fmla="*/ 2998515 w 3269614"/>
              <a:gd name="connsiteY11" fmla="*/ 0 h 2459734"/>
              <a:gd name="connsiteX12" fmla="*/ 3178173 w 3269614"/>
              <a:gd name="connsiteY12" fmla="*/ 0 h 2459734"/>
              <a:gd name="connsiteX13" fmla="*/ 3269614 w 3269614"/>
              <a:gd name="connsiteY13" fmla="*/ 271099 h 2459734"/>
              <a:gd name="connsiteX0" fmla="*/ 3178174 w 3178174"/>
              <a:gd name="connsiteY0" fmla="*/ 2459734 h 2459734"/>
              <a:gd name="connsiteX1" fmla="*/ 2998515 w 3178174"/>
              <a:gd name="connsiteY1" fmla="*/ 2459734 h 2459734"/>
              <a:gd name="connsiteX2" fmla="*/ 2168524 w 3178174"/>
              <a:gd name="connsiteY2" fmla="*/ 2459734 h 2459734"/>
              <a:gd name="connsiteX3" fmla="*/ 179659 w 3178174"/>
              <a:gd name="connsiteY3" fmla="*/ 2459734 h 2459734"/>
              <a:gd name="connsiteX4" fmla="*/ 0 w 3178174"/>
              <a:gd name="connsiteY4" fmla="*/ 2280075 h 2459734"/>
              <a:gd name="connsiteX5" fmla="*/ 0 w 3178174"/>
              <a:gd name="connsiteY5" fmla="*/ 1162050 h 2459734"/>
              <a:gd name="connsiteX6" fmla="*/ 0 w 3178174"/>
              <a:gd name="connsiteY6" fmla="*/ 179659 h 2459734"/>
              <a:gd name="connsiteX7" fmla="*/ 0 w 3178174"/>
              <a:gd name="connsiteY7" fmla="*/ 0 h 2459734"/>
              <a:gd name="connsiteX8" fmla="*/ 179659 w 3178174"/>
              <a:gd name="connsiteY8" fmla="*/ 0 h 2459734"/>
              <a:gd name="connsiteX9" fmla="*/ 1009650 w 3178174"/>
              <a:gd name="connsiteY9" fmla="*/ 0 h 2459734"/>
              <a:gd name="connsiteX10" fmla="*/ 2168523 w 3178174"/>
              <a:gd name="connsiteY10" fmla="*/ 0 h 2459734"/>
              <a:gd name="connsiteX11" fmla="*/ 2998515 w 3178174"/>
              <a:gd name="connsiteY11" fmla="*/ 0 h 2459734"/>
              <a:gd name="connsiteX12" fmla="*/ 3178173 w 3178174"/>
              <a:gd name="connsiteY12" fmla="*/ 0 h 24597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178174" h="2459734">
                <a:moveTo>
                  <a:pt x="3178174" y="2459734"/>
                </a:moveTo>
                <a:lnTo>
                  <a:pt x="2998515" y="2459734"/>
                </a:lnTo>
                <a:lnTo>
                  <a:pt x="2168524" y="2459734"/>
                </a:lnTo>
                <a:lnTo>
                  <a:pt x="179659" y="2459734"/>
                </a:lnTo>
                <a:cubicBezTo>
                  <a:pt x="80436" y="2459734"/>
                  <a:pt x="0" y="2379298"/>
                  <a:pt x="0" y="2280075"/>
                </a:cubicBezTo>
                <a:lnTo>
                  <a:pt x="0" y="1162050"/>
                </a:lnTo>
                <a:lnTo>
                  <a:pt x="0" y="179659"/>
                </a:lnTo>
                <a:lnTo>
                  <a:pt x="0" y="0"/>
                </a:lnTo>
                <a:lnTo>
                  <a:pt x="179659" y="0"/>
                </a:lnTo>
                <a:lnTo>
                  <a:pt x="1009650" y="0"/>
                </a:lnTo>
                <a:lnTo>
                  <a:pt x="2168523" y="0"/>
                </a:lnTo>
                <a:lnTo>
                  <a:pt x="2998515" y="0"/>
                </a:lnTo>
                <a:lnTo>
                  <a:pt x="3178173"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pic>
        <p:nvPicPr>
          <p:cNvPr id="6" name="Dynamic cover logo hvid" descr="{&quot;templafy&quot;:{&quot;id&quot;:&quot;43b16df3-2e2a-4d8d-bbb5-7c890c5a356a&quot;}}">
            <a:extLst>
              <a:ext uri="{FF2B5EF4-FFF2-40B4-BE49-F238E27FC236}">
                <a16:creationId xmlns:a16="http://schemas.microsoft.com/office/drawing/2014/main" id="{521B514E-D10A-BDC6-0203-9775E8734F9D}"/>
              </a:ext>
            </a:extLst>
          </p:cNvPr>
          <p:cNvPicPr>
            <a:picLocks noChangeAspect="1"/>
          </p:cNvPicPr>
          <p:nvPr userDrawn="1"/>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402206639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Forside animation A">
    <p:bg>
      <p:bgPr>
        <a:solidFill>
          <a:schemeClr val="accent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064EB2C-1CD1-4D10-855F-3A578564A60D}" type="datetime2">
              <a:rPr lang="da-DK" smtClean="0"/>
              <a:t>30. maj 2025</a:t>
            </a:fld>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grpSp>
        <p:nvGrpSpPr>
          <p:cNvPr id="14" name="Group 58">
            <a:extLst>
              <a:ext uri="{FF2B5EF4-FFF2-40B4-BE49-F238E27FC236}">
                <a16:creationId xmlns:a16="http://schemas.microsoft.com/office/drawing/2014/main" id="{6DDFF541-6CCC-D3E8-D9B9-FBEB2F3A2FF1}"/>
              </a:ext>
            </a:extLst>
          </p:cNvPr>
          <p:cNvGrpSpPr/>
          <p:nvPr userDrawn="1"/>
        </p:nvGrpSpPr>
        <p:grpSpPr>
          <a:xfrm>
            <a:off x="1857489" y="3761682"/>
            <a:ext cx="1817000" cy="1111735"/>
            <a:chOff x="7918183" y="1759240"/>
            <a:chExt cx="1670583" cy="1532511"/>
          </a:xfrm>
          <a:solidFill>
            <a:srgbClr val="0F2A48"/>
          </a:solidFill>
        </p:grpSpPr>
        <p:sp>
          <p:nvSpPr>
            <p:cNvPr id="15" name="Rectangle: Rounded Corners 59">
              <a:extLst>
                <a:ext uri="{FF2B5EF4-FFF2-40B4-BE49-F238E27FC236}">
                  <a16:creationId xmlns:a16="http://schemas.microsoft.com/office/drawing/2014/main" id="{91945049-B940-A2AB-288A-ACF563FC674F}"/>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16" name="Rectangle 60">
              <a:extLst>
                <a:ext uri="{FF2B5EF4-FFF2-40B4-BE49-F238E27FC236}">
                  <a16:creationId xmlns:a16="http://schemas.microsoft.com/office/drawing/2014/main" id="{430B9163-EF65-92AE-BBFB-A0FCF45ED020}"/>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8" name="Group 58">
            <a:extLst>
              <a:ext uri="{FF2B5EF4-FFF2-40B4-BE49-F238E27FC236}">
                <a16:creationId xmlns:a16="http://schemas.microsoft.com/office/drawing/2014/main" id="{9D88B4A7-2CE1-0D09-C5F0-C50C209DE9B7}"/>
              </a:ext>
            </a:extLst>
          </p:cNvPr>
          <p:cNvGrpSpPr/>
          <p:nvPr userDrawn="1"/>
        </p:nvGrpSpPr>
        <p:grpSpPr>
          <a:xfrm>
            <a:off x="1857489" y="3761682"/>
            <a:ext cx="1817000" cy="1111735"/>
            <a:chOff x="7918183" y="1759240"/>
            <a:chExt cx="1670583" cy="1532511"/>
          </a:xfrm>
          <a:solidFill>
            <a:srgbClr val="0F2A48"/>
          </a:solidFill>
        </p:grpSpPr>
        <p:sp>
          <p:nvSpPr>
            <p:cNvPr id="49" name="Rectangle: Rounded Corners 59">
              <a:extLst>
                <a:ext uri="{FF2B5EF4-FFF2-40B4-BE49-F238E27FC236}">
                  <a16:creationId xmlns:a16="http://schemas.microsoft.com/office/drawing/2014/main" id="{CFA5313A-DA53-2018-21C9-69529D142D69}"/>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50" name="Rectangle 60">
              <a:extLst>
                <a:ext uri="{FF2B5EF4-FFF2-40B4-BE49-F238E27FC236}">
                  <a16:creationId xmlns:a16="http://schemas.microsoft.com/office/drawing/2014/main" id="{B29D20AD-8FC5-E28E-87AB-D192F4F1FF0E}"/>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1" name="Kombinationstegning: figur 10">
            <a:extLst>
              <a:ext uri="{FF2B5EF4-FFF2-40B4-BE49-F238E27FC236}">
                <a16:creationId xmlns:a16="http://schemas.microsoft.com/office/drawing/2014/main" id="{4456FFCD-2A17-FC34-A682-69B4F4F88E41}"/>
              </a:ext>
            </a:extLst>
          </p:cNvPr>
          <p:cNvSpPr/>
          <p:nvPr/>
        </p:nvSpPr>
        <p:spPr>
          <a:xfrm rot="10800000">
            <a:off x="9544636" y="2653551"/>
            <a:ext cx="1818000" cy="1290917"/>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grpSp>
        <p:nvGrpSpPr>
          <p:cNvPr id="17" name="Gruppe 11">
            <a:extLst>
              <a:ext uri="{FF2B5EF4-FFF2-40B4-BE49-F238E27FC236}">
                <a16:creationId xmlns:a16="http://schemas.microsoft.com/office/drawing/2014/main" id="{97979A19-7240-CF88-1A46-EF209A270409}"/>
              </a:ext>
            </a:extLst>
          </p:cNvPr>
          <p:cNvGrpSpPr/>
          <p:nvPr userDrawn="1"/>
        </p:nvGrpSpPr>
        <p:grpSpPr>
          <a:xfrm>
            <a:off x="9544636" y="2236384"/>
            <a:ext cx="1818002" cy="1401760"/>
            <a:chOff x="9525589" y="2653550"/>
            <a:chExt cx="1818002" cy="1401760"/>
          </a:xfrm>
        </p:grpSpPr>
        <p:sp>
          <p:nvSpPr>
            <p:cNvPr id="18" name="Kombinationstegning: figur 10">
              <a:extLst>
                <a:ext uri="{FF2B5EF4-FFF2-40B4-BE49-F238E27FC236}">
                  <a16:creationId xmlns:a16="http://schemas.microsoft.com/office/drawing/2014/main" id="{D6DC5504-CEA2-FE86-0334-2623969B6511}"/>
                </a:ext>
              </a:extLst>
            </p:cNvPr>
            <p:cNvSpPr/>
            <p:nvPr/>
          </p:nvSpPr>
          <p:spPr>
            <a:xfrm rot="10800000">
              <a:off x="9525589" y="2653550"/>
              <a:ext cx="1818000" cy="1401760"/>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19" name="Kombinationstegning: figur 5">
              <a:extLst>
                <a:ext uri="{FF2B5EF4-FFF2-40B4-BE49-F238E27FC236}">
                  <a16:creationId xmlns:a16="http://schemas.microsoft.com/office/drawing/2014/main" id="{8EC91071-25FC-DF8A-36A0-6F47DDA79584}"/>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sp>
        <p:nvSpPr>
          <p:cNvPr id="32" name="Kombinationstegning: figur 31">
            <a:extLst>
              <a:ext uri="{FF2B5EF4-FFF2-40B4-BE49-F238E27FC236}">
                <a16:creationId xmlns:a16="http://schemas.microsoft.com/office/drawing/2014/main" id="{58E431ED-E98C-0B05-A685-B8623369B24F}"/>
              </a:ext>
            </a:extLst>
          </p:cNvPr>
          <p:cNvSpPr/>
          <p:nvPr userDrawn="1"/>
        </p:nvSpPr>
        <p:spPr>
          <a:xfrm>
            <a:off x="6822141" y="4204446"/>
            <a:ext cx="5369859" cy="2656745"/>
          </a:xfrm>
          <a:custGeom>
            <a:avLst/>
            <a:gdLst>
              <a:gd name="connsiteX0" fmla="*/ 186052 w 5369859"/>
              <a:gd name="connsiteY0" fmla="*/ 0 h 2656745"/>
              <a:gd name="connsiteX1" fmla="*/ 662859 w 5369859"/>
              <a:gd name="connsiteY1" fmla="*/ 0 h 2656745"/>
              <a:gd name="connsiteX2" fmla="*/ 5183807 w 5369859"/>
              <a:gd name="connsiteY2" fmla="*/ 0 h 2656745"/>
              <a:gd name="connsiteX3" fmla="*/ 5369859 w 5369859"/>
              <a:gd name="connsiteY3" fmla="*/ 0 h 2656745"/>
              <a:gd name="connsiteX4" fmla="*/ 5369859 w 5369859"/>
              <a:gd name="connsiteY4" fmla="*/ 186052 h 2656745"/>
              <a:gd name="connsiteX5" fmla="*/ 5369859 w 5369859"/>
              <a:gd name="connsiteY5" fmla="*/ 429570 h 2656745"/>
              <a:gd name="connsiteX6" fmla="*/ 5369859 w 5369859"/>
              <a:gd name="connsiteY6" fmla="*/ 2470693 h 2656745"/>
              <a:gd name="connsiteX7" fmla="*/ 5369859 w 5369859"/>
              <a:gd name="connsiteY7" fmla="*/ 2656745 h 2656745"/>
              <a:gd name="connsiteX8" fmla="*/ 5183807 w 5369859"/>
              <a:gd name="connsiteY8" fmla="*/ 2656745 h 2656745"/>
              <a:gd name="connsiteX9" fmla="*/ 186052 w 5369859"/>
              <a:gd name="connsiteY9" fmla="*/ 2656745 h 2656745"/>
              <a:gd name="connsiteX10" fmla="*/ 0 w 5369859"/>
              <a:gd name="connsiteY10" fmla="*/ 2656745 h 2656745"/>
              <a:gd name="connsiteX11" fmla="*/ 0 w 5369859"/>
              <a:gd name="connsiteY11" fmla="*/ 2470693 h 2656745"/>
              <a:gd name="connsiteX12" fmla="*/ 0 w 5369859"/>
              <a:gd name="connsiteY12" fmla="*/ 429570 h 2656745"/>
              <a:gd name="connsiteX13" fmla="*/ 0 w 5369859"/>
              <a:gd name="connsiteY13" fmla="*/ 186052 h 2656745"/>
              <a:gd name="connsiteX14" fmla="*/ 186052 w 5369859"/>
              <a:gd name="connsiteY14" fmla="*/ 0 h 2656745"/>
              <a:gd name="connsiteX0" fmla="*/ 5369859 w 5461299"/>
              <a:gd name="connsiteY0" fmla="*/ 186052 h 2656745"/>
              <a:gd name="connsiteX1" fmla="*/ 5369859 w 5461299"/>
              <a:gd name="connsiteY1" fmla="*/ 429570 h 2656745"/>
              <a:gd name="connsiteX2" fmla="*/ 5369859 w 5461299"/>
              <a:gd name="connsiteY2" fmla="*/ 2470693 h 2656745"/>
              <a:gd name="connsiteX3" fmla="*/ 5369859 w 5461299"/>
              <a:gd name="connsiteY3" fmla="*/ 2656745 h 2656745"/>
              <a:gd name="connsiteX4" fmla="*/ 5183807 w 5461299"/>
              <a:gd name="connsiteY4" fmla="*/ 2656745 h 2656745"/>
              <a:gd name="connsiteX5" fmla="*/ 186052 w 5461299"/>
              <a:gd name="connsiteY5" fmla="*/ 2656745 h 2656745"/>
              <a:gd name="connsiteX6" fmla="*/ 0 w 5461299"/>
              <a:gd name="connsiteY6" fmla="*/ 2656745 h 2656745"/>
              <a:gd name="connsiteX7" fmla="*/ 0 w 5461299"/>
              <a:gd name="connsiteY7" fmla="*/ 2470693 h 2656745"/>
              <a:gd name="connsiteX8" fmla="*/ 0 w 5461299"/>
              <a:gd name="connsiteY8" fmla="*/ 429570 h 2656745"/>
              <a:gd name="connsiteX9" fmla="*/ 0 w 5461299"/>
              <a:gd name="connsiteY9" fmla="*/ 186052 h 2656745"/>
              <a:gd name="connsiteX10" fmla="*/ 186052 w 5461299"/>
              <a:gd name="connsiteY10" fmla="*/ 0 h 2656745"/>
              <a:gd name="connsiteX11" fmla="*/ 662859 w 5461299"/>
              <a:gd name="connsiteY11" fmla="*/ 0 h 2656745"/>
              <a:gd name="connsiteX12" fmla="*/ 5183807 w 5461299"/>
              <a:gd name="connsiteY12" fmla="*/ 0 h 2656745"/>
              <a:gd name="connsiteX13" fmla="*/ 5369859 w 5461299"/>
              <a:gd name="connsiteY13" fmla="*/ 0 h 2656745"/>
              <a:gd name="connsiteX14" fmla="*/ 5461299 w 5461299"/>
              <a:gd name="connsiteY14" fmla="*/ 277492 h 2656745"/>
              <a:gd name="connsiteX0" fmla="*/ 5369859 w 5461299"/>
              <a:gd name="connsiteY0" fmla="*/ 429570 h 2656745"/>
              <a:gd name="connsiteX1" fmla="*/ 5369859 w 5461299"/>
              <a:gd name="connsiteY1" fmla="*/ 2470693 h 2656745"/>
              <a:gd name="connsiteX2" fmla="*/ 5369859 w 5461299"/>
              <a:gd name="connsiteY2" fmla="*/ 2656745 h 2656745"/>
              <a:gd name="connsiteX3" fmla="*/ 5183807 w 5461299"/>
              <a:gd name="connsiteY3" fmla="*/ 2656745 h 2656745"/>
              <a:gd name="connsiteX4" fmla="*/ 186052 w 5461299"/>
              <a:gd name="connsiteY4" fmla="*/ 2656745 h 2656745"/>
              <a:gd name="connsiteX5" fmla="*/ 0 w 5461299"/>
              <a:gd name="connsiteY5" fmla="*/ 2656745 h 2656745"/>
              <a:gd name="connsiteX6" fmla="*/ 0 w 5461299"/>
              <a:gd name="connsiteY6" fmla="*/ 2470693 h 2656745"/>
              <a:gd name="connsiteX7" fmla="*/ 0 w 5461299"/>
              <a:gd name="connsiteY7" fmla="*/ 429570 h 2656745"/>
              <a:gd name="connsiteX8" fmla="*/ 0 w 5461299"/>
              <a:gd name="connsiteY8" fmla="*/ 186052 h 2656745"/>
              <a:gd name="connsiteX9" fmla="*/ 186052 w 5461299"/>
              <a:gd name="connsiteY9" fmla="*/ 0 h 2656745"/>
              <a:gd name="connsiteX10" fmla="*/ 662859 w 5461299"/>
              <a:gd name="connsiteY10" fmla="*/ 0 h 2656745"/>
              <a:gd name="connsiteX11" fmla="*/ 5183807 w 5461299"/>
              <a:gd name="connsiteY11" fmla="*/ 0 h 2656745"/>
              <a:gd name="connsiteX12" fmla="*/ 5369859 w 5461299"/>
              <a:gd name="connsiteY12" fmla="*/ 0 h 2656745"/>
              <a:gd name="connsiteX13" fmla="*/ 5461299 w 5461299"/>
              <a:gd name="connsiteY13" fmla="*/ 277492 h 2656745"/>
              <a:gd name="connsiteX0" fmla="*/ 5369859 w 5369859"/>
              <a:gd name="connsiteY0" fmla="*/ 429570 h 2656745"/>
              <a:gd name="connsiteX1" fmla="*/ 5369859 w 5369859"/>
              <a:gd name="connsiteY1" fmla="*/ 2470693 h 2656745"/>
              <a:gd name="connsiteX2" fmla="*/ 5369859 w 5369859"/>
              <a:gd name="connsiteY2" fmla="*/ 2656745 h 2656745"/>
              <a:gd name="connsiteX3" fmla="*/ 5183807 w 5369859"/>
              <a:gd name="connsiteY3" fmla="*/ 2656745 h 2656745"/>
              <a:gd name="connsiteX4" fmla="*/ 186052 w 5369859"/>
              <a:gd name="connsiteY4" fmla="*/ 2656745 h 2656745"/>
              <a:gd name="connsiteX5" fmla="*/ 0 w 5369859"/>
              <a:gd name="connsiteY5" fmla="*/ 2656745 h 2656745"/>
              <a:gd name="connsiteX6" fmla="*/ 0 w 5369859"/>
              <a:gd name="connsiteY6" fmla="*/ 2470693 h 2656745"/>
              <a:gd name="connsiteX7" fmla="*/ 0 w 5369859"/>
              <a:gd name="connsiteY7" fmla="*/ 429570 h 2656745"/>
              <a:gd name="connsiteX8" fmla="*/ 0 w 5369859"/>
              <a:gd name="connsiteY8" fmla="*/ 186052 h 2656745"/>
              <a:gd name="connsiteX9" fmla="*/ 186052 w 5369859"/>
              <a:gd name="connsiteY9" fmla="*/ 0 h 2656745"/>
              <a:gd name="connsiteX10" fmla="*/ 662859 w 5369859"/>
              <a:gd name="connsiteY10" fmla="*/ 0 h 2656745"/>
              <a:gd name="connsiteX11" fmla="*/ 5183807 w 5369859"/>
              <a:gd name="connsiteY11" fmla="*/ 0 h 2656745"/>
              <a:gd name="connsiteX12" fmla="*/ 5369859 w 5369859"/>
              <a:gd name="connsiteY12" fmla="*/ 0 h 2656745"/>
              <a:gd name="connsiteX0" fmla="*/ 5369859 w 5369859"/>
              <a:gd name="connsiteY0" fmla="*/ 2470693 h 2656745"/>
              <a:gd name="connsiteX1" fmla="*/ 5369859 w 5369859"/>
              <a:gd name="connsiteY1" fmla="*/ 2656745 h 2656745"/>
              <a:gd name="connsiteX2" fmla="*/ 5183807 w 5369859"/>
              <a:gd name="connsiteY2" fmla="*/ 2656745 h 2656745"/>
              <a:gd name="connsiteX3" fmla="*/ 186052 w 5369859"/>
              <a:gd name="connsiteY3" fmla="*/ 2656745 h 2656745"/>
              <a:gd name="connsiteX4" fmla="*/ 0 w 5369859"/>
              <a:gd name="connsiteY4" fmla="*/ 2656745 h 2656745"/>
              <a:gd name="connsiteX5" fmla="*/ 0 w 5369859"/>
              <a:gd name="connsiteY5" fmla="*/ 2470693 h 2656745"/>
              <a:gd name="connsiteX6" fmla="*/ 0 w 5369859"/>
              <a:gd name="connsiteY6" fmla="*/ 429570 h 2656745"/>
              <a:gd name="connsiteX7" fmla="*/ 0 w 5369859"/>
              <a:gd name="connsiteY7" fmla="*/ 186052 h 2656745"/>
              <a:gd name="connsiteX8" fmla="*/ 186052 w 5369859"/>
              <a:gd name="connsiteY8" fmla="*/ 0 h 2656745"/>
              <a:gd name="connsiteX9" fmla="*/ 662859 w 5369859"/>
              <a:gd name="connsiteY9" fmla="*/ 0 h 2656745"/>
              <a:gd name="connsiteX10" fmla="*/ 5183807 w 5369859"/>
              <a:gd name="connsiteY10" fmla="*/ 0 h 2656745"/>
              <a:gd name="connsiteX11" fmla="*/ 5369859 w 5369859"/>
              <a:gd name="connsiteY11" fmla="*/ 0 h 2656745"/>
              <a:gd name="connsiteX0" fmla="*/ 5369859 w 5369859"/>
              <a:gd name="connsiteY0" fmla="*/ 2656745 h 2656745"/>
              <a:gd name="connsiteX1" fmla="*/ 5183807 w 5369859"/>
              <a:gd name="connsiteY1" fmla="*/ 2656745 h 2656745"/>
              <a:gd name="connsiteX2" fmla="*/ 186052 w 5369859"/>
              <a:gd name="connsiteY2" fmla="*/ 2656745 h 2656745"/>
              <a:gd name="connsiteX3" fmla="*/ 0 w 5369859"/>
              <a:gd name="connsiteY3" fmla="*/ 2656745 h 2656745"/>
              <a:gd name="connsiteX4" fmla="*/ 0 w 5369859"/>
              <a:gd name="connsiteY4" fmla="*/ 2470693 h 2656745"/>
              <a:gd name="connsiteX5" fmla="*/ 0 w 5369859"/>
              <a:gd name="connsiteY5" fmla="*/ 429570 h 2656745"/>
              <a:gd name="connsiteX6" fmla="*/ 0 w 5369859"/>
              <a:gd name="connsiteY6" fmla="*/ 186052 h 2656745"/>
              <a:gd name="connsiteX7" fmla="*/ 186052 w 5369859"/>
              <a:gd name="connsiteY7" fmla="*/ 0 h 2656745"/>
              <a:gd name="connsiteX8" fmla="*/ 662859 w 5369859"/>
              <a:gd name="connsiteY8" fmla="*/ 0 h 2656745"/>
              <a:gd name="connsiteX9" fmla="*/ 5183807 w 5369859"/>
              <a:gd name="connsiteY9" fmla="*/ 0 h 2656745"/>
              <a:gd name="connsiteX10" fmla="*/ 5369859 w 5369859"/>
              <a:gd name="connsiteY10" fmla="*/ 0 h 2656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69859" h="2656745">
                <a:moveTo>
                  <a:pt x="5369859" y="2656745"/>
                </a:moveTo>
                <a:lnTo>
                  <a:pt x="5183807" y="2656745"/>
                </a:lnTo>
                <a:lnTo>
                  <a:pt x="186052" y="2656745"/>
                </a:lnTo>
                <a:lnTo>
                  <a:pt x="0" y="2656745"/>
                </a:lnTo>
                <a:lnTo>
                  <a:pt x="0" y="2470693"/>
                </a:lnTo>
                <a:lnTo>
                  <a:pt x="0" y="429570"/>
                </a:lnTo>
                <a:lnTo>
                  <a:pt x="0" y="186052"/>
                </a:lnTo>
                <a:cubicBezTo>
                  <a:pt x="0" y="83298"/>
                  <a:pt x="83298" y="0"/>
                  <a:pt x="186052" y="0"/>
                </a:cubicBezTo>
                <a:lnTo>
                  <a:pt x="662859" y="0"/>
                </a:lnTo>
                <a:lnTo>
                  <a:pt x="5183807" y="0"/>
                </a:lnTo>
                <a:lnTo>
                  <a:pt x="5369859"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 name="Kombinationstegning: figur 3">
            <a:extLst>
              <a:ext uri="{FF2B5EF4-FFF2-40B4-BE49-F238E27FC236}">
                <a16:creationId xmlns:a16="http://schemas.microsoft.com/office/drawing/2014/main" id="{0265A287-DBA7-26CB-3597-BFBF8CAFAE77}"/>
              </a:ext>
            </a:extLst>
          </p:cNvPr>
          <p:cNvSpPr/>
          <p:nvPr userDrawn="1"/>
        </p:nvSpPr>
        <p:spPr>
          <a:xfrm rot="16200000">
            <a:off x="10259918" y="2012389"/>
            <a:ext cx="3290420" cy="573738"/>
          </a:xfrm>
          <a:custGeom>
            <a:avLst/>
            <a:gdLst>
              <a:gd name="connsiteX0" fmla="*/ 3290420 w 3290420"/>
              <a:gd name="connsiteY0" fmla="*/ 0 h 784409"/>
              <a:gd name="connsiteX1" fmla="*/ 3290420 w 3290420"/>
              <a:gd name="connsiteY1" fmla="*/ 137238 h 784409"/>
              <a:gd name="connsiteX2" fmla="*/ 3290420 w 3290420"/>
              <a:gd name="connsiteY2" fmla="*/ 436501 h 784409"/>
              <a:gd name="connsiteX3" fmla="*/ 3290420 w 3290420"/>
              <a:gd name="connsiteY3" fmla="*/ 436503 h 784409"/>
              <a:gd name="connsiteX4" fmla="*/ 3290420 w 3290420"/>
              <a:gd name="connsiteY4" fmla="*/ 573738 h 784409"/>
              <a:gd name="connsiteX5" fmla="*/ 3290420 w 3290420"/>
              <a:gd name="connsiteY5" fmla="*/ 784409 h 784409"/>
              <a:gd name="connsiteX6" fmla="*/ 2861541 w 3290420"/>
              <a:gd name="connsiteY6" fmla="*/ 784409 h 784409"/>
              <a:gd name="connsiteX7" fmla="*/ 2861541 w 3290420"/>
              <a:gd name="connsiteY7" fmla="*/ 573738 h 784409"/>
              <a:gd name="connsiteX8" fmla="*/ 0 w 3290420"/>
              <a:gd name="connsiteY8" fmla="*/ 573738 h 784409"/>
              <a:gd name="connsiteX9" fmla="*/ 0 w 3290420"/>
              <a:gd name="connsiteY9" fmla="*/ 296968 h 784409"/>
              <a:gd name="connsiteX10" fmla="*/ 1 w 3290420"/>
              <a:gd name="connsiteY10" fmla="*/ 296968 h 784409"/>
              <a:gd name="connsiteX11" fmla="*/ 1 w 3290420"/>
              <a:gd name="connsiteY11" fmla="*/ 137238 h 784409"/>
              <a:gd name="connsiteX12" fmla="*/ 137239 w 3290420"/>
              <a:gd name="connsiteY12" fmla="*/ 0 h 784409"/>
              <a:gd name="connsiteX13" fmla="*/ 2861541 w 3290420"/>
              <a:gd name="connsiteY13" fmla="*/ 0 h 784409"/>
              <a:gd name="connsiteX14" fmla="*/ 3153182 w 3290420"/>
              <a:gd name="connsiteY14" fmla="*/ 0 h 784409"/>
              <a:gd name="connsiteX0" fmla="*/ 2861541 w 3290420"/>
              <a:gd name="connsiteY0" fmla="*/ 784409 h 875849"/>
              <a:gd name="connsiteX1" fmla="*/ 2861541 w 3290420"/>
              <a:gd name="connsiteY1" fmla="*/ 573738 h 875849"/>
              <a:gd name="connsiteX2" fmla="*/ 0 w 3290420"/>
              <a:gd name="connsiteY2" fmla="*/ 573738 h 875849"/>
              <a:gd name="connsiteX3" fmla="*/ 0 w 3290420"/>
              <a:gd name="connsiteY3" fmla="*/ 296968 h 875849"/>
              <a:gd name="connsiteX4" fmla="*/ 1 w 3290420"/>
              <a:gd name="connsiteY4" fmla="*/ 296968 h 875849"/>
              <a:gd name="connsiteX5" fmla="*/ 1 w 3290420"/>
              <a:gd name="connsiteY5" fmla="*/ 137238 h 875849"/>
              <a:gd name="connsiteX6" fmla="*/ 137239 w 3290420"/>
              <a:gd name="connsiteY6" fmla="*/ 0 h 875849"/>
              <a:gd name="connsiteX7" fmla="*/ 2861541 w 3290420"/>
              <a:gd name="connsiteY7" fmla="*/ 0 h 875849"/>
              <a:gd name="connsiteX8" fmla="*/ 3153182 w 3290420"/>
              <a:gd name="connsiteY8" fmla="*/ 0 h 875849"/>
              <a:gd name="connsiteX9" fmla="*/ 3290420 w 3290420"/>
              <a:gd name="connsiteY9" fmla="*/ 0 h 875849"/>
              <a:gd name="connsiteX10" fmla="*/ 3290420 w 3290420"/>
              <a:gd name="connsiteY10" fmla="*/ 137238 h 875849"/>
              <a:gd name="connsiteX11" fmla="*/ 3290420 w 3290420"/>
              <a:gd name="connsiteY11" fmla="*/ 436501 h 875849"/>
              <a:gd name="connsiteX12" fmla="*/ 3290420 w 3290420"/>
              <a:gd name="connsiteY12" fmla="*/ 436503 h 875849"/>
              <a:gd name="connsiteX13" fmla="*/ 3290420 w 3290420"/>
              <a:gd name="connsiteY13" fmla="*/ 573738 h 875849"/>
              <a:gd name="connsiteX14" fmla="*/ 3290420 w 3290420"/>
              <a:gd name="connsiteY14" fmla="*/ 784409 h 875849"/>
              <a:gd name="connsiteX15" fmla="*/ 2952981 w 3290420"/>
              <a:gd name="connsiteY15" fmla="*/ 875849 h 875849"/>
              <a:gd name="connsiteX0" fmla="*/ 2861541 w 3290420"/>
              <a:gd name="connsiteY0" fmla="*/ 784409 h 784409"/>
              <a:gd name="connsiteX1" fmla="*/ 2861541 w 3290420"/>
              <a:gd name="connsiteY1" fmla="*/ 573738 h 784409"/>
              <a:gd name="connsiteX2" fmla="*/ 0 w 3290420"/>
              <a:gd name="connsiteY2" fmla="*/ 573738 h 784409"/>
              <a:gd name="connsiteX3" fmla="*/ 0 w 3290420"/>
              <a:gd name="connsiteY3" fmla="*/ 296968 h 784409"/>
              <a:gd name="connsiteX4" fmla="*/ 1 w 3290420"/>
              <a:gd name="connsiteY4" fmla="*/ 296968 h 784409"/>
              <a:gd name="connsiteX5" fmla="*/ 1 w 3290420"/>
              <a:gd name="connsiteY5" fmla="*/ 137238 h 784409"/>
              <a:gd name="connsiteX6" fmla="*/ 137239 w 3290420"/>
              <a:gd name="connsiteY6" fmla="*/ 0 h 784409"/>
              <a:gd name="connsiteX7" fmla="*/ 2861541 w 3290420"/>
              <a:gd name="connsiteY7" fmla="*/ 0 h 784409"/>
              <a:gd name="connsiteX8" fmla="*/ 3153182 w 3290420"/>
              <a:gd name="connsiteY8" fmla="*/ 0 h 784409"/>
              <a:gd name="connsiteX9" fmla="*/ 3290420 w 3290420"/>
              <a:gd name="connsiteY9" fmla="*/ 0 h 784409"/>
              <a:gd name="connsiteX10" fmla="*/ 3290420 w 3290420"/>
              <a:gd name="connsiteY10" fmla="*/ 137238 h 784409"/>
              <a:gd name="connsiteX11" fmla="*/ 3290420 w 3290420"/>
              <a:gd name="connsiteY11" fmla="*/ 436501 h 784409"/>
              <a:gd name="connsiteX12" fmla="*/ 3290420 w 3290420"/>
              <a:gd name="connsiteY12" fmla="*/ 436503 h 784409"/>
              <a:gd name="connsiteX13" fmla="*/ 3290420 w 3290420"/>
              <a:gd name="connsiteY13" fmla="*/ 573738 h 784409"/>
              <a:gd name="connsiteX14" fmla="*/ 3290420 w 3290420"/>
              <a:gd name="connsiteY14" fmla="*/ 784409 h 784409"/>
              <a:gd name="connsiteX0" fmla="*/ 2861541 w 3290420"/>
              <a:gd name="connsiteY0" fmla="*/ 784409 h 784409"/>
              <a:gd name="connsiteX1" fmla="*/ 2861541 w 3290420"/>
              <a:gd name="connsiteY1" fmla="*/ 573738 h 784409"/>
              <a:gd name="connsiteX2" fmla="*/ 0 w 3290420"/>
              <a:gd name="connsiteY2" fmla="*/ 573738 h 784409"/>
              <a:gd name="connsiteX3" fmla="*/ 0 w 3290420"/>
              <a:gd name="connsiteY3" fmla="*/ 296968 h 784409"/>
              <a:gd name="connsiteX4" fmla="*/ 1 w 3290420"/>
              <a:gd name="connsiteY4" fmla="*/ 296968 h 784409"/>
              <a:gd name="connsiteX5" fmla="*/ 1 w 3290420"/>
              <a:gd name="connsiteY5" fmla="*/ 137238 h 784409"/>
              <a:gd name="connsiteX6" fmla="*/ 137239 w 3290420"/>
              <a:gd name="connsiteY6" fmla="*/ 0 h 784409"/>
              <a:gd name="connsiteX7" fmla="*/ 2861541 w 3290420"/>
              <a:gd name="connsiteY7" fmla="*/ 0 h 784409"/>
              <a:gd name="connsiteX8" fmla="*/ 3153182 w 3290420"/>
              <a:gd name="connsiteY8" fmla="*/ 0 h 784409"/>
              <a:gd name="connsiteX9" fmla="*/ 3290420 w 3290420"/>
              <a:gd name="connsiteY9" fmla="*/ 0 h 784409"/>
              <a:gd name="connsiteX10" fmla="*/ 3290420 w 3290420"/>
              <a:gd name="connsiteY10" fmla="*/ 137238 h 784409"/>
              <a:gd name="connsiteX11" fmla="*/ 3290420 w 3290420"/>
              <a:gd name="connsiteY11" fmla="*/ 436501 h 784409"/>
              <a:gd name="connsiteX12" fmla="*/ 3290420 w 3290420"/>
              <a:gd name="connsiteY12" fmla="*/ 436503 h 784409"/>
              <a:gd name="connsiteX13" fmla="*/ 3290420 w 3290420"/>
              <a:gd name="connsiteY13" fmla="*/ 573738 h 784409"/>
              <a:gd name="connsiteX0" fmla="*/ 2861541 w 3290420"/>
              <a:gd name="connsiteY0" fmla="*/ 573738 h 573738"/>
              <a:gd name="connsiteX1" fmla="*/ 0 w 3290420"/>
              <a:gd name="connsiteY1" fmla="*/ 573738 h 573738"/>
              <a:gd name="connsiteX2" fmla="*/ 0 w 3290420"/>
              <a:gd name="connsiteY2" fmla="*/ 296968 h 573738"/>
              <a:gd name="connsiteX3" fmla="*/ 1 w 3290420"/>
              <a:gd name="connsiteY3" fmla="*/ 296968 h 573738"/>
              <a:gd name="connsiteX4" fmla="*/ 1 w 3290420"/>
              <a:gd name="connsiteY4" fmla="*/ 137238 h 573738"/>
              <a:gd name="connsiteX5" fmla="*/ 137239 w 3290420"/>
              <a:gd name="connsiteY5" fmla="*/ 0 h 573738"/>
              <a:gd name="connsiteX6" fmla="*/ 2861541 w 3290420"/>
              <a:gd name="connsiteY6" fmla="*/ 0 h 573738"/>
              <a:gd name="connsiteX7" fmla="*/ 3153182 w 3290420"/>
              <a:gd name="connsiteY7" fmla="*/ 0 h 573738"/>
              <a:gd name="connsiteX8" fmla="*/ 3290420 w 3290420"/>
              <a:gd name="connsiteY8" fmla="*/ 0 h 573738"/>
              <a:gd name="connsiteX9" fmla="*/ 3290420 w 3290420"/>
              <a:gd name="connsiteY9" fmla="*/ 137238 h 573738"/>
              <a:gd name="connsiteX10" fmla="*/ 3290420 w 3290420"/>
              <a:gd name="connsiteY10" fmla="*/ 436501 h 573738"/>
              <a:gd name="connsiteX11" fmla="*/ 3290420 w 3290420"/>
              <a:gd name="connsiteY11" fmla="*/ 436503 h 573738"/>
              <a:gd name="connsiteX12" fmla="*/ 3290420 w 3290420"/>
              <a:gd name="connsiteY12" fmla="*/ 573738 h 573738"/>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2861541 w 3290420"/>
              <a:gd name="connsiteY5" fmla="*/ 0 h 573738"/>
              <a:gd name="connsiteX6" fmla="*/ 3153182 w 3290420"/>
              <a:gd name="connsiteY6" fmla="*/ 0 h 573738"/>
              <a:gd name="connsiteX7" fmla="*/ 3290420 w 3290420"/>
              <a:gd name="connsiteY7" fmla="*/ 0 h 573738"/>
              <a:gd name="connsiteX8" fmla="*/ 3290420 w 3290420"/>
              <a:gd name="connsiteY8" fmla="*/ 137238 h 573738"/>
              <a:gd name="connsiteX9" fmla="*/ 3290420 w 3290420"/>
              <a:gd name="connsiteY9" fmla="*/ 436501 h 573738"/>
              <a:gd name="connsiteX10" fmla="*/ 3290420 w 3290420"/>
              <a:gd name="connsiteY10" fmla="*/ 436503 h 573738"/>
              <a:gd name="connsiteX11" fmla="*/ 3290420 w 3290420"/>
              <a:gd name="connsiteY11" fmla="*/ 573738 h 5737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290420" h="573738">
                <a:moveTo>
                  <a:pt x="0" y="573738"/>
                </a:moveTo>
                <a:lnTo>
                  <a:pt x="0" y="296968"/>
                </a:lnTo>
                <a:lnTo>
                  <a:pt x="1" y="296968"/>
                </a:lnTo>
                <a:lnTo>
                  <a:pt x="1" y="137238"/>
                </a:lnTo>
                <a:cubicBezTo>
                  <a:pt x="1" y="61444"/>
                  <a:pt x="61445" y="0"/>
                  <a:pt x="137239" y="0"/>
                </a:cubicBezTo>
                <a:lnTo>
                  <a:pt x="2861541" y="0"/>
                </a:lnTo>
                <a:lnTo>
                  <a:pt x="3153182" y="0"/>
                </a:lnTo>
                <a:lnTo>
                  <a:pt x="3290420" y="0"/>
                </a:lnTo>
                <a:lnTo>
                  <a:pt x="3290420" y="137238"/>
                </a:lnTo>
                <a:lnTo>
                  <a:pt x="3290420" y="436501"/>
                </a:lnTo>
                <a:lnTo>
                  <a:pt x="3290420" y="436503"/>
                </a:lnTo>
                <a:lnTo>
                  <a:pt x="3290420" y="57373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3" name="Kombinationstegning: figur 12">
            <a:extLst>
              <a:ext uri="{FF2B5EF4-FFF2-40B4-BE49-F238E27FC236}">
                <a16:creationId xmlns:a16="http://schemas.microsoft.com/office/drawing/2014/main" id="{48A5DC69-715C-A5CB-06D3-FD6482E72F48}"/>
              </a:ext>
            </a:extLst>
          </p:cNvPr>
          <p:cNvSpPr/>
          <p:nvPr userDrawn="1"/>
        </p:nvSpPr>
        <p:spPr>
          <a:xfrm rot="5400000">
            <a:off x="-527441" y="2744110"/>
            <a:ext cx="2656746" cy="1601868"/>
          </a:xfrm>
          <a:custGeom>
            <a:avLst/>
            <a:gdLst>
              <a:gd name="connsiteX0" fmla="*/ 0 w 2656746"/>
              <a:gd name="connsiteY0" fmla="*/ 1439807 h 1601868"/>
              <a:gd name="connsiteX1" fmla="*/ 0 w 2656746"/>
              <a:gd name="connsiteY1" fmla="*/ 162061 h 1601868"/>
              <a:gd name="connsiteX2" fmla="*/ 162061 w 2656746"/>
              <a:gd name="connsiteY2" fmla="*/ 0 h 1601868"/>
              <a:gd name="connsiteX3" fmla="*/ 2494683 w 2656746"/>
              <a:gd name="connsiteY3" fmla="*/ 0 h 1601868"/>
              <a:gd name="connsiteX4" fmla="*/ 2656744 w 2656746"/>
              <a:gd name="connsiteY4" fmla="*/ 162061 h 1601868"/>
              <a:gd name="connsiteX5" fmla="*/ 2656744 w 2656746"/>
              <a:gd name="connsiteY5" fmla="*/ 259006 h 1601868"/>
              <a:gd name="connsiteX6" fmla="*/ 2656746 w 2656746"/>
              <a:gd name="connsiteY6" fmla="*/ 259006 h 1601868"/>
              <a:gd name="connsiteX7" fmla="*/ 2656746 w 2656746"/>
              <a:gd name="connsiteY7" fmla="*/ 1601868 h 1601868"/>
              <a:gd name="connsiteX8" fmla="*/ 2494683 w 2656746"/>
              <a:gd name="connsiteY8" fmla="*/ 1601868 h 1601868"/>
              <a:gd name="connsiteX9" fmla="*/ 162061 w 2656746"/>
              <a:gd name="connsiteY9" fmla="*/ 1601868 h 1601868"/>
              <a:gd name="connsiteX10" fmla="*/ 2 w 2656746"/>
              <a:gd name="connsiteY10" fmla="*/ 1601868 h 1601868"/>
              <a:gd name="connsiteX11" fmla="*/ 2 w 2656746"/>
              <a:gd name="connsiteY11" fmla="*/ 1439817 h 1601868"/>
              <a:gd name="connsiteX0" fmla="*/ 2 w 2656746"/>
              <a:gd name="connsiteY0" fmla="*/ 1601868 h 1693308"/>
              <a:gd name="connsiteX1" fmla="*/ 2 w 2656746"/>
              <a:gd name="connsiteY1" fmla="*/ 1439817 h 1693308"/>
              <a:gd name="connsiteX2" fmla="*/ 0 w 2656746"/>
              <a:gd name="connsiteY2" fmla="*/ 1439807 h 1693308"/>
              <a:gd name="connsiteX3" fmla="*/ 0 w 2656746"/>
              <a:gd name="connsiteY3" fmla="*/ 162061 h 1693308"/>
              <a:gd name="connsiteX4" fmla="*/ 162061 w 2656746"/>
              <a:gd name="connsiteY4" fmla="*/ 0 h 1693308"/>
              <a:gd name="connsiteX5" fmla="*/ 2494683 w 2656746"/>
              <a:gd name="connsiteY5" fmla="*/ 0 h 1693308"/>
              <a:gd name="connsiteX6" fmla="*/ 2656744 w 2656746"/>
              <a:gd name="connsiteY6" fmla="*/ 162061 h 1693308"/>
              <a:gd name="connsiteX7" fmla="*/ 2656744 w 2656746"/>
              <a:gd name="connsiteY7" fmla="*/ 259006 h 1693308"/>
              <a:gd name="connsiteX8" fmla="*/ 2656746 w 2656746"/>
              <a:gd name="connsiteY8" fmla="*/ 259006 h 1693308"/>
              <a:gd name="connsiteX9" fmla="*/ 2656746 w 2656746"/>
              <a:gd name="connsiteY9" fmla="*/ 1601868 h 1693308"/>
              <a:gd name="connsiteX10" fmla="*/ 2494683 w 2656746"/>
              <a:gd name="connsiteY10" fmla="*/ 1601868 h 1693308"/>
              <a:gd name="connsiteX11" fmla="*/ 162061 w 2656746"/>
              <a:gd name="connsiteY11" fmla="*/ 1601868 h 1693308"/>
              <a:gd name="connsiteX12" fmla="*/ 91442 w 2656746"/>
              <a:gd name="connsiteY12" fmla="*/ 1693308 h 169330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11" fmla="*/ 162061 w 2656746"/>
              <a:gd name="connsiteY11"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56746" h="1601868">
                <a:moveTo>
                  <a:pt x="2" y="1601868"/>
                </a:moveTo>
                <a:lnTo>
                  <a:pt x="2" y="1439817"/>
                </a:lnTo>
                <a:cubicBezTo>
                  <a:pt x="1" y="1439814"/>
                  <a:pt x="1" y="1439810"/>
                  <a:pt x="0" y="1439807"/>
                </a:cubicBezTo>
                <a:lnTo>
                  <a:pt x="0" y="162061"/>
                </a:lnTo>
                <a:cubicBezTo>
                  <a:pt x="0" y="72557"/>
                  <a:pt x="72557" y="0"/>
                  <a:pt x="162061" y="0"/>
                </a:cubicBezTo>
                <a:lnTo>
                  <a:pt x="2494683" y="0"/>
                </a:lnTo>
                <a:cubicBezTo>
                  <a:pt x="2584187" y="0"/>
                  <a:pt x="2656744" y="72557"/>
                  <a:pt x="2656744" y="162061"/>
                </a:cubicBezTo>
                <a:lnTo>
                  <a:pt x="2656744" y="259006"/>
                </a:lnTo>
                <a:lnTo>
                  <a:pt x="2656746" y="259006"/>
                </a:lnTo>
                <a:lnTo>
                  <a:pt x="2656746" y="160186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7" name="Freeform: Shape 79">
            <a:extLst>
              <a:ext uri="{FF2B5EF4-FFF2-40B4-BE49-F238E27FC236}">
                <a16:creationId xmlns:a16="http://schemas.microsoft.com/office/drawing/2014/main" id="{441A6F05-6F6E-988B-FA5B-FB1CCAE99F15}"/>
              </a:ext>
            </a:extLst>
          </p:cNvPr>
          <p:cNvSpPr/>
          <p:nvPr userDrawn="1"/>
        </p:nvSpPr>
        <p:spPr>
          <a:xfrm rot="5400000">
            <a:off x="-1016912" y="2810669"/>
            <a:ext cx="1740665" cy="6383726"/>
          </a:xfrm>
          <a:custGeom>
            <a:avLst/>
            <a:gdLst>
              <a:gd name="connsiteX0" fmla="*/ 0 w 1740665"/>
              <a:gd name="connsiteY0" fmla="*/ 6383726 h 6559829"/>
              <a:gd name="connsiteX1" fmla="*/ 0 w 1740665"/>
              <a:gd name="connsiteY1" fmla="*/ 176104 h 6559829"/>
              <a:gd name="connsiteX2" fmla="*/ 176103 w 1740665"/>
              <a:gd name="connsiteY2" fmla="*/ 1 h 6559829"/>
              <a:gd name="connsiteX3" fmla="*/ 566238 w 1740665"/>
              <a:gd name="connsiteY3" fmla="*/ 1 h 6559829"/>
              <a:gd name="connsiteX4" fmla="*/ 566238 w 1740665"/>
              <a:gd name="connsiteY4" fmla="*/ 0 h 6559829"/>
              <a:gd name="connsiteX5" fmla="*/ 1740665 w 1740665"/>
              <a:gd name="connsiteY5" fmla="*/ 0 h 6559829"/>
              <a:gd name="connsiteX6" fmla="*/ 1740665 w 1740665"/>
              <a:gd name="connsiteY6" fmla="*/ 6551498 h 6559829"/>
              <a:gd name="connsiteX7" fmla="*/ 1605825 w 1740665"/>
              <a:gd name="connsiteY7" fmla="*/ 6551498 h 6559829"/>
              <a:gd name="connsiteX8" fmla="*/ 1564562 w 1740665"/>
              <a:gd name="connsiteY8" fmla="*/ 6559829 h 6559829"/>
              <a:gd name="connsiteX9" fmla="*/ 176103 w 1740665"/>
              <a:gd name="connsiteY9" fmla="*/ 6559829 h 6559829"/>
              <a:gd name="connsiteX10" fmla="*/ 0 w 1740665"/>
              <a:gd name="connsiteY10" fmla="*/ 6383726 h 6559829"/>
              <a:gd name="connsiteX0" fmla="*/ 1740665 w 1832105"/>
              <a:gd name="connsiteY0" fmla="*/ 6551498 h 6642938"/>
              <a:gd name="connsiteX1" fmla="*/ 1605825 w 1832105"/>
              <a:gd name="connsiteY1" fmla="*/ 6551498 h 6642938"/>
              <a:gd name="connsiteX2" fmla="*/ 1564562 w 1832105"/>
              <a:gd name="connsiteY2" fmla="*/ 6559829 h 6642938"/>
              <a:gd name="connsiteX3" fmla="*/ 176103 w 1832105"/>
              <a:gd name="connsiteY3" fmla="*/ 6559829 h 6642938"/>
              <a:gd name="connsiteX4" fmla="*/ 0 w 1832105"/>
              <a:gd name="connsiteY4" fmla="*/ 6383726 h 6642938"/>
              <a:gd name="connsiteX5" fmla="*/ 0 w 1832105"/>
              <a:gd name="connsiteY5" fmla="*/ 176104 h 6642938"/>
              <a:gd name="connsiteX6" fmla="*/ 176103 w 1832105"/>
              <a:gd name="connsiteY6" fmla="*/ 1 h 6642938"/>
              <a:gd name="connsiteX7" fmla="*/ 566238 w 1832105"/>
              <a:gd name="connsiteY7" fmla="*/ 1 h 6642938"/>
              <a:gd name="connsiteX8" fmla="*/ 566238 w 1832105"/>
              <a:gd name="connsiteY8" fmla="*/ 0 h 6642938"/>
              <a:gd name="connsiteX9" fmla="*/ 1740665 w 1832105"/>
              <a:gd name="connsiteY9" fmla="*/ 0 h 6642938"/>
              <a:gd name="connsiteX10" fmla="*/ 1832105 w 1832105"/>
              <a:gd name="connsiteY10" fmla="*/ 6642938 h 6642938"/>
              <a:gd name="connsiteX0" fmla="*/ 1740665 w 1740665"/>
              <a:gd name="connsiteY0" fmla="*/ 6551498 h 6559829"/>
              <a:gd name="connsiteX1" fmla="*/ 1605825 w 1740665"/>
              <a:gd name="connsiteY1" fmla="*/ 6551498 h 6559829"/>
              <a:gd name="connsiteX2" fmla="*/ 1564562 w 1740665"/>
              <a:gd name="connsiteY2" fmla="*/ 6559829 h 6559829"/>
              <a:gd name="connsiteX3" fmla="*/ 176103 w 1740665"/>
              <a:gd name="connsiteY3" fmla="*/ 6559829 h 6559829"/>
              <a:gd name="connsiteX4" fmla="*/ 0 w 1740665"/>
              <a:gd name="connsiteY4" fmla="*/ 6383726 h 6559829"/>
              <a:gd name="connsiteX5" fmla="*/ 0 w 1740665"/>
              <a:gd name="connsiteY5" fmla="*/ 176104 h 6559829"/>
              <a:gd name="connsiteX6" fmla="*/ 176103 w 1740665"/>
              <a:gd name="connsiteY6" fmla="*/ 1 h 6559829"/>
              <a:gd name="connsiteX7" fmla="*/ 566238 w 1740665"/>
              <a:gd name="connsiteY7" fmla="*/ 1 h 6559829"/>
              <a:gd name="connsiteX8" fmla="*/ 566238 w 1740665"/>
              <a:gd name="connsiteY8" fmla="*/ 0 h 6559829"/>
              <a:gd name="connsiteX9" fmla="*/ 1740665 w 1740665"/>
              <a:gd name="connsiteY9" fmla="*/ 0 h 6559829"/>
              <a:gd name="connsiteX0" fmla="*/ 1605825 w 1740665"/>
              <a:gd name="connsiteY0" fmla="*/ 6551498 h 6559829"/>
              <a:gd name="connsiteX1" fmla="*/ 1564562 w 1740665"/>
              <a:gd name="connsiteY1" fmla="*/ 6559829 h 6559829"/>
              <a:gd name="connsiteX2" fmla="*/ 176103 w 1740665"/>
              <a:gd name="connsiteY2" fmla="*/ 6559829 h 6559829"/>
              <a:gd name="connsiteX3" fmla="*/ 0 w 1740665"/>
              <a:gd name="connsiteY3" fmla="*/ 6383726 h 6559829"/>
              <a:gd name="connsiteX4" fmla="*/ 0 w 1740665"/>
              <a:gd name="connsiteY4" fmla="*/ 176104 h 6559829"/>
              <a:gd name="connsiteX5" fmla="*/ 176103 w 1740665"/>
              <a:gd name="connsiteY5" fmla="*/ 1 h 6559829"/>
              <a:gd name="connsiteX6" fmla="*/ 566238 w 1740665"/>
              <a:gd name="connsiteY6" fmla="*/ 1 h 6559829"/>
              <a:gd name="connsiteX7" fmla="*/ 566238 w 1740665"/>
              <a:gd name="connsiteY7" fmla="*/ 0 h 6559829"/>
              <a:gd name="connsiteX8" fmla="*/ 1740665 w 1740665"/>
              <a:gd name="connsiteY8" fmla="*/ 0 h 6559829"/>
              <a:gd name="connsiteX0" fmla="*/ 1605825 w 1740665"/>
              <a:gd name="connsiteY0" fmla="*/ 6551498 h 6559829"/>
              <a:gd name="connsiteX1" fmla="*/ 176103 w 1740665"/>
              <a:gd name="connsiteY1" fmla="*/ 6559829 h 6559829"/>
              <a:gd name="connsiteX2" fmla="*/ 0 w 1740665"/>
              <a:gd name="connsiteY2" fmla="*/ 6383726 h 6559829"/>
              <a:gd name="connsiteX3" fmla="*/ 0 w 1740665"/>
              <a:gd name="connsiteY3" fmla="*/ 176104 h 6559829"/>
              <a:gd name="connsiteX4" fmla="*/ 176103 w 1740665"/>
              <a:gd name="connsiteY4" fmla="*/ 1 h 6559829"/>
              <a:gd name="connsiteX5" fmla="*/ 566238 w 1740665"/>
              <a:gd name="connsiteY5" fmla="*/ 1 h 6559829"/>
              <a:gd name="connsiteX6" fmla="*/ 566238 w 1740665"/>
              <a:gd name="connsiteY6" fmla="*/ 0 h 6559829"/>
              <a:gd name="connsiteX7" fmla="*/ 1740665 w 1740665"/>
              <a:gd name="connsiteY7" fmla="*/ 0 h 6559829"/>
              <a:gd name="connsiteX0" fmla="*/ 176103 w 1740665"/>
              <a:gd name="connsiteY0" fmla="*/ 6559829 h 6559829"/>
              <a:gd name="connsiteX1" fmla="*/ 0 w 1740665"/>
              <a:gd name="connsiteY1" fmla="*/ 6383726 h 6559829"/>
              <a:gd name="connsiteX2" fmla="*/ 0 w 1740665"/>
              <a:gd name="connsiteY2" fmla="*/ 176104 h 6559829"/>
              <a:gd name="connsiteX3" fmla="*/ 176103 w 1740665"/>
              <a:gd name="connsiteY3" fmla="*/ 1 h 6559829"/>
              <a:gd name="connsiteX4" fmla="*/ 566238 w 1740665"/>
              <a:gd name="connsiteY4" fmla="*/ 1 h 6559829"/>
              <a:gd name="connsiteX5" fmla="*/ 566238 w 1740665"/>
              <a:gd name="connsiteY5" fmla="*/ 0 h 6559829"/>
              <a:gd name="connsiteX6" fmla="*/ 1740665 w 1740665"/>
              <a:gd name="connsiteY6" fmla="*/ 0 h 6559829"/>
              <a:gd name="connsiteX0" fmla="*/ 0 w 1740665"/>
              <a:gd name="connsiteY0" fmla="*/ 6383726 h 6383726"/>
              <a:gd name="connsiteX1" fmla="*/ 0 w 1740665"/>
              <a:gd name="connsiteY1" fmla="*/ 176104 h 6383726"/>
              <a:gd name="connsiteX2" fmla="*/ 176103 w 1740665"/>
              <a:gd name="connsiteY2" fmla="*/ 1 h 6383726"/>
              <a:gd name="connsiteX3" fmla="*/ 566238 w 1740665"/>
              <a:gd name="connsiteY3" fmla="*/ 1 h 6383726"/>
              <a:gd name="connsiteX4" fmla="*/ 566238 w 1740665"/>
              <a:gd name="connsiteY4" fmla="*/ 0 h 6383726"/>
              <a:gd name="connsiteX5" fmla="*/ 1740665 w 1740665"/>
              <a:gd name="connsiteY5" fmla="*/ 0 h 6383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40665" h="6383726">
                <a:moveTo>
                  <a:pt x="0" y="6383726"/>
                </a:moveTo>
                <a:lnTo>
                  <a:pt x="0" y="176104"/>
                </a:lnTo>
                <a:cubicBezTo>
                  <a:pt x="0" y="78845"/>
                  <a:pt x="78844" y="1"/>
                  <a:pt x="176103" y="1"/>
                </a:cubicBezTo>
                <a:lnTo>
                  <a:pt x="566238" y="1"/>
                </a:lnTo>
                <a:lnTo>
                  <a:pt x="566238" y="0"/>
                </a:lnTo>
                <a:lnTo>
                  <a:pt x="174066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176789" cy="1548000"/>
          </a:xfrm>
        </p:spPr>
        <p:txBody>
          <a:bodyPr anchor="t" anchorCtr="0"/>
          <a:lstStyle>
            <a:lvl1pPr algn="l">
              <a:defRPr sz="4800">
                <a:solidFill>
                  <a:schemeClr val="bg1"/>
                </a:solidFill>
              </a:defRPr>
            </a:lvl1pPr>
          </a:lstStyle>
          <a:p>
            <a:r>
              <a:rPr lang="da-DK" dirty="0"/>
              <a:t>Klik for at indsætte overskrift – max. to linjer</a:t>
            </a:r>
          </a:p>
        </p:txBody>
      </p:sp>
      <p:pic>
        <p:nvPicPr>
          <p:cNvPr id="3" name="Dynamic cover logo hvid" descr="{&quot;templafy&quot;:{&quot;id&quot;:&quot;43b16df3-2e2a-4d8d-bbb5-7c890c5a356a&quot;}}">
            <a:extLst>
              <a:ext uri="{FF2B5EF4-FFF2-40B4-BE49-F238E27FC236}">
                <a16:creationId xmlns:a16="http://schemas.microsoft.com/office/drawing/2014/main" id="{32482C54-8426-EC3D-6155-51BFB1119F83}"/>
              </a:ext>
            </a:extLst>
          </p:cNvPr>
          <p:cNvPicPr>
            <a:picLocks noChangeAspect="1"/>
          </p:cNvPicPr>
          <p:nvPr userDrawn="1"/>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1722348036"/>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0"/>
                                  </p:stCondLst>
                                  <p:childTnLst>
                                    <p:animMotion origin="layout" path="M -8.33333E-7 -1.48148E-6 L 0.21224 -1.48148E-6 " pathEditMode="relative" rAng="0" ptsTypes="AA">
                                      <p:cBhvr>
                                        <p:cTn id="6" dur="5000" fill="hold"/>
                                        <p:tgtEl>
                                          <p:spTgt spid="47"/>
                                        </p:tgtEl>
                                        <p:attrNameLst>
                                          <p:attrName>ppt_x</p:attrName>
                                          <p:attrName>ppt_y</p:attrName>
                                        </p:attrNameLst>
                                      </p:cBhvr>
                                      <p:rCtr x="10612" y="0"/>
                                    </p:animMotion>
                                  </p:childTnLst>
                                </p:cTn>
                              </p:par>
                              <p:par>
                                <p:cTn id="7" presetID="64" presetClass="path" presetSubtype="0" repeatCount="indefinite" accel="50000" decel="50000" autoRev="1" fill="hold" nodeType="withEffect">
                                  <p:stCondLst>
                                    <p:cond delay="1700"/>
                                  </p:stCondLst>
                                  <p:childTnLst>
                                    <p:animMotion origin="layout" path="M -1.875E-6 -7.40741E-7 L -1.875E-6 -0.09699 " pathEditMode="relative" rAng="0" ptsTypes="AA">
                                      <p:cBhvr>
                                        <p:cTn id="8" dur="6750" fill="hold"/>
                                        <p:tgtEl>
                                          <p:spTgt spid="17"/>
                                        </p:tgtEl>
                                        <p:attrNameLst>
                                          <p:attrName>ppt_x</p:attrName>
                                          <p:attrName>ppt_y</p:attrName>
                                        </p:attrNameLst>
                                      </p:cBhvr>
                                      <p:rCtr x="0" y="-4861"/>
                                    </p:animMotion>
                                  </p:childTnLst>
                                </p:cTn>
                              </p:par>
                              <p:par>
                                <p:cTn id="9" presetID="42" presetClass="path" presetSubtype="0" repeatCount="indefinite" accel="50000" decel="50000" autoRev="1" fill="hold" nodeType="withEffect">
                                  <p:stCondLst>
                                    <p:cond delay="0"/>
                                  </p:stCondLst>
                                  <p:childTnLst>
                                    <p:animMotion origin="layout" path="M -2.91667E-6 3.7037E-7 L 0.05742 3.7037E-7 " pathEditMode="relative" rAng="0" ptsTypes="AA">
                                      <p:cBhvr>
                                        <p:cTn id="10" dur="6750" fill="hold"/>
                                        <p:tgtEl>
                                          <p:spTgt spid="48"/>
                                        </p:tgtEl>
                                        <p:attrNameLst>
                                          <p:attrName>ppt_x</p:attrName>
                                          <p:attrName>ppt_y</p:attrName>
                                        </p:attrNameLst>
                                      </p:cBhvr>
                                      <p:rCtr x="286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7" grpId="0" animBg="1"/>
    </p:bldLst>
  </p:timing>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3" name="Slide Number Placeholder 5" hidden="1">
            <a:extLst>
              <a:ext uri="{FF2B5EF4-FFF2-40B4-BE49-F238E27FC236}">
                <a16:creationId xmlns:a16="http://schemas.microsoft.com/office/drawing/2014/main" id="{983C28E1-92B2-D8C8-9E08-C938486D60E2}"/>
              </a:ext>
            </a:extLst>
          </p:cNvPr>
          <p:cNvSpPr>
            <a:spLocks noGrp="1"/>
          </p:cNvSpPr>
          <p:nvPr>
            <p:ph type="sldNum" sz="quarter" idx="4"/>
          </p:nvPr>
        </p:nvSpPr>
        <p:spPr>
          <a:xfrm>
            <a:off x="11196000" y="6442838"/>
            <a:ext cx="345600" cy="180000"/>
          </a:xfrm>
          <a:prstGeom prst="rect">
            <a:avLst/>
          </a:prstGeom>
        </p:spPr>
        <p:txBody>
          <a:bodyPr vert="horz" lIns="0" tIns="0" rIns="0" bIns="0" rtlCol="0" anchor="b" anchorCtr="0"/>
          <a:lstStyle>
            <a:lvl1pPr algn="r">
              <a:defRPr sz="800">
                <a:solidFill>
                  <a:schemeClr val="accent1"/>
                </a:solidFill>
              </a:defRPr>
            </a:lvl1pPr>
          </a:lstStyle>
          <a:p>
            <a:fld id="{24C8C45C-947F-4981-8B3F-4F32E973C901}" type="slidenum">
              <a:rPr lang="da-DK" smtClean="0"/>
              <a:pPr/>
              <a:t>‹#›</a:t>
            </a:fld>
            <a:endParaRPr lang="da-DK" dirty="0"/>
          </a:p>
        </p:txBody>
      </p:sp>
      <p:sp>
        <p:nvSpPr>
          <p:cNvPr id="14" name="Date Placeholder 1" hidden="1">
            <a:extLst>
              <a:ext uri="{FF2B5EF4-FFF2-40B4-BE49-F238E27FC236}">
                <a16:creationId xmlns:a16="http://schemas.microsoft.com/office/drawing/2014/main" id="{840A5991-28B4-E238-6B1A-59D6CAB82F2D}"/>
              </a:ext>
            </a:extLst>
          </p:cNvPr>
          <p:cNvSpPr>
            <a:spLocks noGrp="1"/>
          </p:cNvSpPr>
          <p:nvPr>
            <p:ph type="dt" sz="half" idx="2"/>
          </p:nvPr>
        </p:nvSpPr>
        <p:spPr>
          <a:xfrm>
            <a:off x="9013825" y="6442838"/>
            <a:ext cx="1600200" cy="180000"/>
          </a:xfrm>
          <a:prstGeom prst="rect">
            <a:avLst/>
          </a:prstGeom>
        </p:spPr>
        <p:txBody>
          <a:bodyPr vert="horz" lIns="0" tIns="0" rIns="0" bIns="0" rtlCol="0" anchor="b" anchorCtr="0"/>
          <a:lstStyle>
            <a:lvl1pPr algn="r">
              <a:defRPr sz="800">
                <a:solidFill>
                  <a:schemeClr val="accent1"/>
                </a:solidFill>
              </a:defRPr>
            </a:lvl1pPr>
          </a:lstStyle>
          <a:p>
            <a:fld id="{E2078FB6-9325-4879-990F-92B63978831B}" type="datetime2">
              <a:rPr lang="da-DK" smtClean="0"/>
              <a:t>30. maj 2025</a:t>
            </a:fld>
            <a:endParaRPr lang="da-DK" dirty="0"/>
          </a:p>
        </p:txBody>
      </p:sp>
      <p:sp>
        <p:nvSpPr>
          <p:cNvPr id="15" name="Footer Placeholder 7" hidden="1">
            <a:extLst>
              <a:ext uri="{FF2B5EF4-FFF2-40B4-BE49-F238E27FC236}">
                <a16:creationId xmlns:a16="http://schemas.microsoft.com/office/drawing/2014/main" id="{1B9B2E7C-A8F2-45D0-63ED-D1E723B183BC}"/>
              </a:ext>
            </a:extLst>
          </p:cNvPr>
          <p:cNvSpPr>
            <a:spLocks noGrp="1"/>
          </p:cNvSpPr>
          <p:nvPr>
            <p:ph type="ftr" sz="quarter" idx="3"/>
          </p:nvPr>
        </p:nvSpPr>
        <p:spPr>
          <a:xfrm>
            <a:off x="4107657" y="6442838"/>
            <a:ext cx="3976687" cy="180000"/>
          </a:xfrm>
          <a:prstGeom prst="rect">
            <a:avLst/>
          </a:prstGeom>
        </p:spPr>
        <p:txBody>
          <a:bodyPr vert="horz" lIns="0" tIns="0" rIns="0" bIns="0" rtlCol="0" anchor="b" anchorCtr="0"/>
          <a:lstStyle>
            <a:lvl1pPr algn="ctr">
              <a:defRPr sz="800">
                <a:solidFill>
                  <a:schemeClr val="accent1"/>
                </a:solidFill>
              </a:defRPr>
            </a:lvl1pPr>
          </a:lstStyle>
          <a:p>
            <a:endParaRPr lang="da-DK" dirty="0"/>
          </a:p>
        </p:txBody>
      </p:sp>
      <p:sp>
        <p:nvSpPr>
          <p:cNvPr id="7" name="Title Placeholder 1">
            <a:extLst>
              <a:ext uri="{FF2B5EF4-FFF2-40B4-BE49-F238E27FC236}">
                <a16:creationId xmlns:a16="http://schemas.microsoft.com/office/drawing/2014/main" id="{C9392247-CE23-49BB-A39E-64C7575BE478}"/>
              </a:ext>
            </a:extLst>
          </p:cNvPr>
          <p:cNvSpPr>
            <a:spLocks noGrp="1"/>
          </p:cNvSpPr>
          <p:nvPr>
            <p:ph type="title"/>
          </p:nvPr>
        </p:nvSpPr>
        <p:spPr>
          <a:xfrm>
            <a:off x="648000" y="648000"/>
            <a:ext cx="10897200" cy="1296000"/>
          </a:xfrm>
          <a:prstGeom prst="rect">
            <a:avLst/>
          </a:prstGeom>
        </p:spPr>
        <p:txBody>
          <a:bodyPr vert="horz" lIns="0" tIns="0" rIns="0" bIns="0" rtlCol="0" anchor="t" anchorCtr="0">
            <a:noAutofit/>
          </a:bodyPr>
          <a:lstStyle/>
          <a:p>
            <a:r>
              <a:rPr lang="da-DK" dirty="0"/>
              <a:t>Klik for at tilføje titel</a:t>
            </a:r>
          </a:p>
        </p:txBody>
      </p:sp>
      <p:sp>
        <p:nvSpPr>
          <p:cNvPr id="3" name="Text Placeholder 2"/>
          <p:cNvSpPr>
            <a:spLocks noGrp="1"/>
          </p:cNvSpPr>
          <p:nvPr>
            <p:ph type="body" idx="1"/>
          </p:nvPr>
        </p:nvSpPr>
        <p:spPr>
          <a:xfrm>
            <a:off x="648000" y="1944000"/>
            <a:ext cx="10897200" cy="4006800"/>
          </a:xfrm>
          <a:prstGeom prst="rect">
            <a:avLst/>
          </a:prstGeom>
        </p:spPr>
        <p:txBody>
          <a:bodyPr vert="horz" lIns="0" tIns="0" rIns="0" bIns="0" rtlCol="0">
            <a:noAutofit/>
          </a:bodyPr>
          <a:lstStyle/>
          <a:p>
            <a:pPr lvl="0"/>
            <a:r>
              <a:rPr lang="da-DK" noProof="0" dirty="0"/>
              <a:t>Niveau 1                                                                                                                                                                                Klik ENTER og derefter TAB for at se næste tekstformat                                                                                        Klik SHIFT+TAB for at se foregående tekstformat</a:t>
            </a:r>
          </a:p>
          <a:p>
            <a:pPr lvl="1"/>
            <a:r>
              <a:rPr lang="da-DK" noProof="0" dirty="0"/>
              <a:t>Niveau 2</a:t>
            </a:r>
          </a:p>
          <a:p>
            <a:pPr lvl="2"/>
            <a:r>
              <a:rPr lang="da-DK" noProof="0" dirty="0"/>
              <a:t>Niveau 3</a:t>
            </a:r>
          </a:p>
          <a:p>
            <a:pPr lvl="3"/>
            <a:r>
              <a:rPr lang="da-DK" noProof="0" dirty="0"/>
              <a:t>Niveau 4, Overskrift</a:t>
            </a:r>
          </a:p>
          <a:p>
            <a:pPr lvl="4"/>
            <a:r>
              <a:rPr lang="da-DK" noProof="0" dirty="0"/>
              <a:t>Niveau 5, Brødtekst</a:t>
            </a:r>
          </a:p>
          <a:p>
            <a:pPr lvl="5"/>
            <a:r>
              <a:rPr lang="da-DK" noProof="0" dirty="0"/>
              <a:t>Niveau 6</a:t>
            </a:r>
          </a:p>
          <a:p>
            <a:pPr lvl="6"/>
            <a:r>
              <a:rPr lang="da-DK" noProof="0" dirty="0"/>
              <a:t>Niveau 7, lille overskrift</a:t>
            </a:r>
          </a:p>
          <a:p>
            <a:pPr lvl="7"/>
            <a:r>
              <a:rPr lang="da-DK" noProof="0" dirty="0"/>
              <a:t>Niveau 8, lille brødtekst</a:t>
            </a:r>
          </a:p>
          <a:p>
            <a:pPr lvl="8"/>
            <a:r>
              <a:rPr lang="da-DK" noProof="0" dirty="0"/>
              <a:t>Niveau 9, Infografik</a:t>
            </a:r>
          </a:p>
        </p:txBody>
      </p:sp>
      <p:pic>
        <p:nvPicPr>
          <p:cNvPr id="4" name="Dynamic logo lilla" descr="{&quot;templafy&quot;:{&quot;id&quot;:&quot;f284e4a7-5e82-41c2-be3a-c95109f870f2&quot;}}">
            <a:extLst>
              <a:ext uri="{FF2B5EF4-FFF2-40B4-BE49-F238E27FC236}">
                <a16:creationId xmlns:a16="http://schemas.microsoft.com/office/drawing/2014/main" id="{036E5EDA-CB79-39BE-2315-48006BF43178}"/>
              </a:ext>
            </a:extLst>
          </p:cNvPr>
          <p:cNvPicPr>
            <a:picLocks noChangeAspect="1"/>
          </p:cNvPicPr>
          <p:nvPr userDrawn="1"/>
        </p:nvPicPr>
        <p:blipFill>
          <a:blip r:embed="rId48"/>
          <a:stretch>
            <a:fillRect/>
          </a:stretch>
        </p:blipFill>
        <p:spPr>
          <a:xfrm>
            <a:off x="0" y="6138863"/>
            <a:ext cx="3231364" cy="719137"/>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832" r:id="rId2"/>
    <p:sldLayoutId id="2147483807" r:id="rId3"/>
    <p:sldLayoutId id="2147483808" r:id="rId4"/>
    <p:sldLayoutId id="2147483809" r:id="rId5"/>
    <p:sldLayoutId id="2147483805" r:id="rId6"/>
    <p:sldLayoutId id="2147483834" r:id="rId7"/>
    <p:sldLayoutId id="2147483833" r:id="rId8"/>
    <p:sldLayoutId id="2147483835" r:id="rId9"/>
    <p:sldLayoutId id="2147483836" r:id="rId10"/>
    <p:sldLayoutId id="2147483837" r:id="rId11"/>
    <p:sldLayoutId id="2147483800" r:id="rId12"/>
    <p:sldLayoutId id="2147483802" r:id="rId13"/>
    <p:sldLayoutId id="2147483801" r:id="rId14"/>
    <p:sldLayoutId id="2147483803" r:id="rId15"/>
    <p:sldLayoutId id="2147483839" r:id="rId16"/>
    <p:sldLayoutId id="2147483829" r:id="rId17"/>
    <p:sldLayoutId id="2147483830" r:id="rId18"/>
    <p:sldLayoutId id="2147483794" r:id="rId19"/>
    <p:sldLayoutId id="2147483791" r:id="rId20"/>
    <p:sldLayoutId id="2147483795" r:id="rId21"/>
    <p:sldLayoutId id="2147483793" r:id="rId22"/>
    <p:sldLayoutId id="2147483826" r:id="rId23"/>
    <p:sldLayoutId id="2147483796" r:id="rId24"/>
    <p:sldLayoutId id="2147483755" r:id="rId25"/>
    <p:sldLayoutId id="2147483825" r:id="rId26"/>
    <p:sldLayoutId id="2147483792" r:id="rId27"/>
    <p:sldLayoutId id="2147483823" r:id="rId28"/>
    <p:sldLayoutId id="2147483797" r:id="rId29"/>
    <p:sldLayoutId id="2147483824" r:id="rId30"/>
    <p:sldLayoutId id="2147483818" r:id="rId31"/>
    <p:sldLayoutId id="2147483758" r:id="rId32"/>
    <p:sldLayoutId id="2147483816" r:id="rId33"/>
    <p:sldLayoutId id="2147483817" r:id="rId34"/>
    <p:sldLayoutId id="2147483766" r:id="rId35"/>
    <p:sldLayoutId id="2147483767" r:id="rId36"/>
    <p:sldLayoutId id="2147483820" r:id="rId37"/>
    <p:sldLayoutId id="2147483819" r:id="rId38"/>
    <p:sldLayoutId id="2147483831" r:id="rId39"/>
    <p:sldLayoutId id="2147483821" r:id="rId40"/>
    <p:sldLayoutId id="2147483743" r:id="rId41"/>
    <p:sldLayoutId id="2147483827" r:id="rId42"/>
    <p:sldLayoutId id="2147483828" r:id="rId43"/>
    <p:sldLayoutId id="2147483744" r:id="rId44"/>
    <p:sldLayoutId id="2147483822" r:id="rId45"/>
    <p:sldLayoutId id="2147483783" r:id="rId46"/>
  </p:sldLayoutIdLst>
  <p:hf sldNum="0" hdr="0" ftr="0" dt="0"/>
  <p:txStyles>
    <p:titleStyle>
      <a:lvl1pPr algn="l" defTabSz="914400" rtl="0" eaLnBrk="1" latinLnBrk="0" hangingPunct="1">
        <a:lnSpc>
          <a:spcPct val="87000"/>
        </a:lnSpc>
        <a:spcBef>
          <a:spcPct val="0"/>
        </a:spcBef>
        <a:buNone/>
        <a:defRPr sz="4000" b="0" kern="1200">
          <a:solidFill>
            <a:schemeClr val="accent1"/>
          </a:solidFill>
          <a:latin typeface="+mj-lt"/>
          <a:ea typeface="+mj-ea"/>
          <a:cs typeface="+mj-cs"/>
        </a:defRPr>
      </a:lvl1pPr>
    </p:titleStyle>
    <p:body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3pPr>
      <a:lvl4pPr marL="0" indent="0" algn="l" defTabSz="914400" rtl="0" eaLnBrk="1" latinLnBrk="0" hangingPunct="1">
        <a:lnSpc>
          <a:spcPct val="93000"/>
        </a:lnSpc>
        <a:spcBef>
          <a:spcPts val="0"/>
        </a:spcBef>
        <a:spcAft>
          <a:spcPts val="0"/>
        </a:spcAft>
        <a:buFont typeface="Arial" panose="020B0604020202020204" pitchFamily="34" charset="0"/>
        <a:buChar char="​"/>
        <a:defRPr sz="2000" b="1" kern="1200">
          <a:solidFill>
            <a:schemeClr val="accent1"/>
          </a:solidFill>
          <a:latin typeface="+mn-lt"/>
          <a:ea typeface="+mn-ea"/>
          <a:cs typeface="+mn-cs"/>
        </a:defRPr>
      </a:lvl4pPr>
      <a:lvl5pPr marL="0" indent="0" algn="l" defTabSz="914400" rtl="0" eaLnBrk="1" latinLnBrk="0" hangingPunct="1">
        <a:lnSpc>
          <a:spcPct val="93000"/>
        </a:lnSpc>
        <a:spcBef>
          <a:spcPts val="0"/>
        </a:spcBef>
        <a:spcAft>
          <a:spcPts val="1200"/>
        </a:spcAft>
        <a:buFont typeface="Arial" panose="020B0604020202020204" pitchFamily="34" charset="0"/>
        <a:buChar char="​"/>
        <a:tabLst/>
        <a:defRPr sz="2000" kern="1200">
          <a:solidFill>
            <a:schemeClr val="accent1"/>
          </a:solidFill>
          <a:latin typeface="+mn-lt"/>
          <a:ea typeface="+mn-ea"/>
          <a:cs typeface="+mn-cs"/>
        </a:defRPr>
      </a:lvl5pPr>
      <a:lvl6pPr marL="90000" indent="-90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accent1"/>
          </a:solidFill>
          <a:latin typeface="+mn-lt"/>
          <a:ea typeface="+mn-ea"/>
          <a:cs typeface="+mn-cs"/>
        </a:defRPr>
      </a:lvl6pPr>
      <a:lvl7pPr marL="0" indent="0" algn="l" defTabSz="914400" rtl="0" eaLnBrk="1" latinLnBrk="0" hangingPunct="1">
        <a:lnSpc>
          <a:spcPct val="100000"/>
        </a:lnSpc>
        <a:spcBef>
          <a:spcPts val="0"/>
        </a:spcBef>
        <a:spcAft>
          <a:spcPts val="0"/>
        </a:spcAft>
        <a:buFont typeface="Arial" panose="020B0604020202020204" pitchFamily="34" charset="0"/>
        <a:buChar char="​"/>
        <a:defRPr sz="1000" b="1" kern="1200" baseline="0">
          <a:solidFill>
            <a:schemeClr val="accent1"/>
          </a:solidFill>
          <a:latin typeface="+mn-lt"/>
          <a:ea typeface="+mn-ea"/>
          <a:cs typeface="+mn-cs"/>
        </a:defRPr>
      </a:lvl7pPr>
      <a:lvl8pPr marL="0" indent="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accent1"/>
          </a:solidFill>
          <a:latin typeface="+mn-lt"/>
          <a:ea typeface="+mn-ea"/>
          <a:cs typeface="+mn-cs"/>
        </a:defRPr>
      </a:lvl8pPr>
      <a:lvl9pPr marL="0" indent="0" algn="l" defTabSz="914400" rtl="0" eaLnBrk="1" latinLnBrk="0" hangingPunct="1">
        <a:lnSpc>
          <a:spcPct val="87000"/>
        </a:lnSpc>
        <a:spcBef>
          <a:spcPts val="0"/>
        </a:spcBef>
        <a:spcAft>
          <a:spcPts val="1200"/>
        </a:spcAft>
        <a:buFont typeface="Arial" panose="020B0604020202020204" pitchFamily="34" charset="0"/>
        <a:buChar char="​"/>
        <a:defRPr sz="600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08" userDrawn="1">
          <p15:clr>
            <a:srgbClr val="F26B43"/>
          </p15:clr>
        </p15:guide>
        <p15:guide id="2" pos="830" userDrawn="1">
          <p15:clr>
            <a:srgbClr val="A4A4A4"/>
          </p15:clr>
        </p15:guide>
        <p15:guide id="3" orient="horz" pos="408" userDrawn="1">
          <p15:clr>
            <a:srgbClr val="F26B43"/>
          </p15:clr>
        </p15:guide>
        <p15:guide id="4" orient="horz" pos="3748" userDrawn="1">
          <p15:clr>
            <a:srgbClr val="F26B43"/>
          </p15:clr>
        </p15:guide>
        <p15:guide id="5" pos="993" userDrawn="1">
          <p15:clr>
            <a:srgbClr val="A4A4A4"/>
          </p15:clr>
        </p15:guide>
        <p15:guide id="6" pos="1416" userDrawn="1">
          <p15:clr>
            <a:srgbClr val="A4A4A4"/>
          </p15:clr>
        </p15:guide>
        <p15:guide id="7" pos="1579" userDrawn="1">
          <p15:clr>
            <a:srgbClr val="A4A4A4"/>
          </p15:clr>
        </p15:guide>
        <p15:guide id="8" pos="2001" userDrawn="1">
          <p15:clr>
            <a:srgbClr val="A4A4A4"/>
          </p15:clr>
        </p15:guide>
        <p15:guide id="9" pos="2164" userDrawn="1">
          <p15:clr>
            <a:srgbClr val="A4A4A4"/>
          </p15:clr>
        </p15:guide>
        <p15:guide id="10" pos="2587" userDrawn="1">
          <p15:clr>
            <a:srgbClr val="A4A4A4"/>
          </p15:clr>
        </p15:guide>
        <p15:guide id="11" pos="2750" userDrawn="1">
          <p15:clr>
            <a:srgbClr val="A4A4A4"/>
          </p15:clr>
        </p15:guide>
        <p15:guide id="12" pos="3172" userDrawn="1">
          <p15:clr>
            <a:srgbClr val="A4A4A4"/>
          </p15:clr>
        </p15:guide>
        <p15:guide id="13" pos="3336" userDrawn="1">
          <p15:clr>
            <a:srgbClr val="A4A4A4"/>
          </p15:clr>
        </p15:guide>
        <p15:guide id="14" pos="3758" userDrawn="1">
          <p15:clr>
            <a:srgbClr val="A4A4A4"/>
          </p15:clr>
        </p15:guide>
        <p15:guide id="15" pos="3921" userDrawn="1">
          <p15:clr>
            <a:srgbClr val="A4A4A4"/>
          </p15:clr>
        </p15:guide>
        <p15:guide id="16" pos="4343" userDrawn="1">
          <p15:clr>
            <a:srgbClr val="A4A4A4"/>
          </p15:clr>
        </p15:guide>
        <p15:guide id="17" pos="4507" userDrawn="1">
          <p15:clr>
            <a:srgbClr val="A4A4A4"/>
          </p15:clr>
        </p15:guide>
        <p15:guide id="18" pos="4929" userDrawn="1">
          <p15:clr>
            <a:srgbClr val="A4A4A4"/>
          </p15:clr>
        </p15:guide>
        <p15:guide id="19" pos="5092" userDrawn="1">
          <p15:clr>
            <a:srgbClr val="A4A4A4"/>
          </p15:clr>
        </p15:guide>
        <p15:guide id="20" pos="5515" userDrawn="1">
          <p15:clr>
            <a:srgbClr val="A4A4A4"/>
          </p15:clr>
        </p15:guide>
        <p15:guide id="21" pos="5678" userDrawn="1">
          <p15:clr>
            <a:srgbClr val="A4A4A4"/>
          </p15:clr>
        </p15:guide>
        <p15:guide id="22" pos="6100" userDrawn="1">
          <p15:clr>
            <a:srgbClr val="A4A4A4"/>
          </p15:clr>
        </p15:guide>
        <p15:guide id="23" pos="6263" userDrawn="1">
          <p15:clr>
            <a:srgbClr val="A4A4A4"/>
          </p15:clr>
        </p15:guide>
        <p15:guide id="24" pos="6686" userDrawn="1">
          <p15:clr>
            <a:srgbClr val="A4A4A4"/>
          </p15:clr>
        </p15:guide>
        <p15:guide id="25" pos="6849" userDrawn="1">
          <p15:clr>
            <a:srgbClr val="A4A4A4"/>
          </p15:clr>
        </p15:guide>
        <p15:guide id="26" pos="7271" userDrawn="1">
          <p15:clr>
            <a:srgbClr val="F26B43"/>
          </p15:clr>
        </p15:guide>
        <p15:guide id="27" orient="horz" pos="1224"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1.xml"/><Relationship Id="rId1" Type="http://schemas.openxmlformats.org/officeDocument/2006/relationships/slideLayout" Target="../slideLayouts/slideLayout41.xml"/><Relationship Id="rId4" Type="http://schemas.openxmlformats.org/officeDocument/2006/relationships/image" Target="../media/image12.emf"/></Relationships>
</file>

<file path=ppt/slides/_rels/slide10.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10.xml"/><Relationship Id="rId1" Type="http://schemas.openxmlformats.org/officeDocument/2006/relationships/slideLayout" Target="../slideLayouts/slideLayout41.xml"/></Relationships>
</file>

<file path=ppt/slides/_rels/slide11.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11.xml"/><Relationship Id="rId1" Type="http://schemas.openxmlformats.org/officeDocument/2006/relationships/slideLayout" Target="../slideLayouts/slideLayout41.xml"/></Relationships>
</file>

<file path=ppt/slides/_rels/slide12.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12.xml"/><Relationship Id="rId1" Type="http://schemas.openxmlformats.org/officeDocument/2006/relationships/slideLayout" Target="../slideLayouts/slideLayout19.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5.svg"/></Relationships>
</file>

<file path=ppt/slides/_rels/slide13.xml.rels><?xml version="1.0" encoding="UTF-8" standalone="yes"?>
<Relationships xmlns="http://schemas.openxmlformats.org/package/2006/relationships"><Relationship Id="rId3" Type="http://schemas.openxmlformats.org/officeDocument/2006/relationships/chart" Target="../charts/chart7.xml"/><Relationship Id="rId2" Type="http://schemas.openxmlformats.org/officeDocument/2006/relationships/notesSlide" Target="../notesSlides/notesSlide13.xml"/><Relationship Id="rId1" Type="http://schemas.openxmlformats.org/officeDocument/2006/relationships/slideLayout" Target="../slideLayouts/slideLayout19.xml"/></Relationships>
</file>

<file path=ppt/slides/_rels/slide14.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notesSlide" Target="../notesSlides/notesSlide14.xml"/><Relationship Id="rId1" Type="http://schemas.openxmlformats.org/officeDocument/2006/relationships/slideLayout" Target="../slideLayouts/slideLayout43.xml"/></Relationships>
</file>

<file path=ppt/slides/_rels/slide15.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15.xml"/><Relationship Id="rId1" Type="http://schemas.openxmlformats.org/officeDocument/2006/relationships/slideLayout" Target="../slideLayouts/slideLayout41.xml"/></Relationships>
</file>

<file path=ppt/slides/_rels/slide2.xml.rels><?xml version="1.0" encoding="UTF-8" standalone="yes"?>
<Relationships xmlns="http://schemas.openxmlformats.org/package/2006/relationships"><Relationship Id="rId3" Type="http://schemas.openxmlformats.org/officeDocument/2006/relationships/image" Target="../media/image29.jfif"/><Relationship Id="rId2" Type="http://schemas.openxmlformats.org/officeDocument/2006/relationships/notesSlide" Target="../notesSlides/notesSlide2.xml"/><Relationship Id="rId1" Type="http://schemas.openxmlformats.org/officeDocument/2006/relationships/slideLayout" Target="../slideLayouts/slideLayout41.xml"/></Relationships>
</file>

<file path=ppt/slides/_rels/slide3.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3.xml"/><Relationship Id="rId1" Type="http://schemas.openxmlformats.org/officeDocument/2006/relationships/slideLayout" Target="../slideLayouts/slideLayout19.xml"/></Relationships>
</file>

<file path=ppt/slides/_rels/slide4.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4.xml"/><Relationship Id="rId1" Type="http://schemas.openxmlformats.org/officeDocument/2006/relationships/slideLayout" Target="../slideLayouts/slideLayout41.xml"/></Relationships>
</file>

<file path=ppt/slides/_rels/slide5.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notesSlide" Target="../notesSlides/notesSlide5.xml"/><Relationship Id="rId1" Type="http://schemas.openxmlformats.org/officeDocument/2006/relationships/slideLayout" Target="../slideLayouts/slideLayout19.xml"/></Relationships>
</file>

<file path=ppt/slides/_rels/slide6.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notesSlide" Target="../notesSlides/notesSlide6.xml"/><Relationship Id="rId1" Type="http://schemas.openxmlformats.org/officeDocument/2006/relationships/slideLayout" Target="../slideLayouts/slideLayout16.xml"/></Relationships>
</file>

<file path=ppt/slides/_rels/slide7.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7.xml"/><Relationship Id="rId1" Type="http://schemas.openxmlformats.org/officeDocument/2006/relationships/slideLayout" Target="../slideLayouts/slideLayout19.xml"/></Relationships>
</file>

<file path=ppt/slides/_rels/slide8.xml.rels><?xml version="1.0" encoding="UTF-8" standalone="yes"?>
<Relationships xmlns="http://schemas.openxmlformats.org/package/2006/relationships"><Relationship Id="rId3" Type="http://schemas.openxmlformats.org/officeDocument/2006/relationships/chart" Target="../charts/chart4.xml"/><Relationship Id="rId2" Type="http://schemas.openxmlformats.org/officeDocument/2006/relationships/notesSlide" Target="../notesSlides/notesSlide8.xml"/><Relationship Id="rId1" Type="http://schemas.openxmlformats.org/officeDocument/2006/relationships/slideLayout" Target="../slideLayouts/slideLayout19.xml"/></Relationships>
</file>

<file path=ppt/slides/_rels/slide9.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notesSlide" Target="../notesSlides/notesSlide9.xml"/><Relationship Id="rId1" Type="http://schemas.openxmlformats.org/officeDocument/2006/relationships/slideLayout" Target="../slideLayouts/slideLayout19.xml"/><Relationship Id="rId4" Type="http://schemas.openxmlformats.org/officeDocument/2006/relationships/chart" Target="../charts/chart6.xml"/></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rgbClr val="59237A"/>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ECF50FF-2786-234C-1066-BB463D063239}"/>
              </a:ext>
            </a:extLst>
          </p:cNvPr>
          <p:cNvPicPr>
            <a:picLocks noChangeAspect="1"/>
          </p:cNvPicPr>
          <p:nvPr/>
        </p:nvPicPr>
        <p:blipFill>
          <a:blip r:embed="rId3"/>
          <a:stretch>
            <a:fillRect/>
          </a:stretch>
        </p:blipFill>
        <p:spPr>
          <a:xfrm>
            <a:off x="4601020" y="1606378"/>
            <a:ext cx="7590980" cy="5251622"/>
          </a:xfrm>
          <a:prstGeom prst="rect">
            <a:avLst/>
          </a:prstGeom>
        </p:spPr>
      </p:pic>
      <p:sp>
        <p:nvSpPr>
          <p:cNvPr id="6" name="TextBox 5">
            <a:extLst>
              <a:ext uri="{FF2B5EF4-FFF2-40B4-BE49-F238E27FC236}">
                <a16:creationId xmlns:a16="http://schemas.microsoft.com/office/drawing/2014/main" id="{C6B87613-1B40-5788-8A81-2EDCA6DD50C2}"/>
              </a:ext>
            </a:extLst>
          </p:cNvPr>
          <p:cNvSpPr txBox="1"/>
          <p:nvPr/>
        </p:nvSpPr>
        <p:spPr>
          <a:xfrm>
            <a:off x="602392" y="3028090"/>
            <a:ext cx="6098058" cy="923330"/>
          </a:xfrm>
          <a:prstGeom prst="rect">
            <a:avLst/>
          </a:prstGeom>
          <a:noFill/>
        </p:spPr>
        <p:txBody>
          <a:bodyPr wrap="square">
            <a:spAutoFit/>
          </a:bodyPr>
          <a:lstStyle/>
          <a:p>
            <a:r>
              <a:rPr lang="da-DK" b="1" dirty="0">
                <a:solidFill>
                  <a:schemeClr val="bg1"/>
                </a:solidFill>
              </a:rPr>
              <a:t>Byggeriets Diversitetsdag 2025</a:t>
            </a:r>
          </a:p>
          <a:p>
            <a:endParaRPr lang="da-DK" b="1" dirty="0">
              <a:solidFill>
                <a:schemeClr val="bg1"/>
              </a:solidFill>
            </a:endParaRPr>
          </a:p>
          <a:p>
            <a:r>
              <a:rPr lang="da-DK" b="1" dirty="0">
                <a:solidFill>
                  <a:schemeClr val="bg1"/>
                </a:solidFill>
              </a:rPr>
              <a:t>Louise Dahl Krath Jensen</a:t>
            </a:r>
            <a:endParaRPr lang="da-DK" dirty="0"/>
          </a:p>
        </p:txBody>
      </p:sp>
      <p:sp>
        <p:nvSpPr>
          <p:cNvPr id="2" name="Title 1">
            <a:extLst>
              <a:ext uri="{FF2B5EF4-FFF2-40B4-BE49-F238E27FC236}">
                <a16:creationId xmlns:a16="http://schemas.microsoft.com/office/drawing/2014/main" id="{3DE69877-05DD-C427-9C78-36CC73DD4301}"/>
              </a:ext>
            </a:extLst>
          </p:cNvPr>
          <p:cNvSpPr>
            <a:spLocks noGrp="1"/>
          </p:cNvSpPr>
          <p:nvPr>
            <p:ph type="title"/>
          </p:nvPr>
        </p:nvSpPr>
        <p:spPr>
          <a:xfrm>
            <a:off x="648000" y="759212"/>
            <a:ext cx="5233816" cy="1296000"/>
          </a:xfrm>
        </p:spPr>
        <p:txBody>
          <a:bodyPr/>
          <a:lstStyle/>
          <a:p>
            <a:r>
              <a:rPr lang="da-DK" b="1" dirty="0">
                <a:solidFill>
                  <a:schemeClr val="bg1"/>
                </a:solidFill>
              </a:rPr>
              <a:t>Hvad siger</a:t>
            </a:r>
            <a:br>
              <a:rPr lang="da-DK" b="1" dirty="0">
                <a:solidFill>
                  <a:schemeClr val="bg1"/>
                </a:solidFill>
              </a:rPr>
            </a:br>
            <a:r>
              <a:rPr lang="da-DK" b="1" dirty="0">
                <a:solidFill>
                  <a:schemeClr val="bg1"/>
                </a:solidFill>
              </a:rPr>
              <a:t>byggebranchen selv om diversitet?</a:t>
            </a:r>
          </a:p>
        </p:txBody>
      </p:sp>
      <p:sp>
        <p:nvSpPr>
          <p:cNvPr id="7" name="Rectangle 6">
            <a:extLst>
              <a:ext uri="{FF2B5EF4-FFF2-40B4-BE49-F238E27FC236}">
                <a16:creationId xmlns:a16="http://schemas.microsoft.com/office/drawing/2014/main" id="{A2F4EB1C-0086-D997-4B37-D2FDBEC6DBEE}"/>
              </a:ext>
            </a:extLst>
          </p:cNvPr>
          <p:cNvSpPr/>
          <p:nvPr/>
        </p:nvSpPr>
        <p:spPr>
          <a:xfrm>
            <a:off x="457200" y="6179127"/>
            <a:ext cx="1967345" cy="554182"/>
          </a:xfrm>
          <a:prstGeom prst="rect">
            <a:avLst/>
          </a:prstGeom>
          <a:solidFill>
            <a:srgbClr val="59237A"/>
          </a:solid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pic>
        <p:nvPicPr>
          <p:cNvPr id="8" name="Dynamic cover logo hvid" descr="{&quot;templafy&quot;:{&quot;id&quot;:&quot;9c927c54-3cb3-4ced-8419-cfa08ab704d1&quot;}}">
            <a:extLst>
              <a:ext uri="{FF2B5EF4-FFF2-40B4-BE49-F238E27FC236}">
                <a16:creationId xmlns:a16="http://schemas.microsoft.com/office/drawing/2014/main" id="{CF5821C8-520D-8680-254D-B391699EA6AB}"/>
              </a:ext>
            </a:extLst>
          </p:cNvPr>
          <p:cNvPicPr>
            <a:picLocks noChangeAspect="1"/>
          </p:cNvPicPr>
          <p:nvPr/>
        </p:nvPicPr>
        <p:blipFill>
          <a:blip r:embed="rId4"/>
          <a:stretch>
            <a:fillRect/>
          </a:stretch>
        </p:blipFill>
        <p:spPr>
          <a:xfrm>
            <a:off x="0" y="5958000"/>
            <a:ext cx="2525088" cy="900000"/>
          </a:xfrm>
          <a:prstGeom prst="rect">
            <a:avLst/>
          </a:prstGeom>
        </p:spPr>
      </p:pic>
    </p:spTree>
    <p:extLst>
      <p:ext uri="{BB962C8B-B14F-4D97-AF65-F5344CB8AC3E}">
        <p14:creationId xmlns:p14="http://schemas.microsoft.com/office/powerpoint/2010/main" val="310883097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C252C194-2BA3-FA88-4800-FB8A808C6DA7}"/>
              </a:ext>
            </a:extLst>
          </p:cNvPr>
          <p:cNvPicPr>
            <a:picLocks noChangeAspect="1"/>
          </p:cNvPicPr>
          <p:nvPr/>
        </p:nvPicPr>
        <p:blipFill>
          <a:blip r:embed="rId3"/>
          <a:srcRect t="3213"/>
          <a:stretch/>
        </p:blipFill>
        <p:spPr>
          <a:xfrm>
            <a:off x="0" y="-96082"/>
            <a:ext cx="12393976" cy="11305689"/>
          </a:xfrm>
          <a:prstGeom prst="rect">
            <a:avLst/>
          </a:prstGeom>
        </p:spPr>
      </p:pic>
    </p:spTree>
    <p:extLst>
      <p:ext uri="{BB962C8B-B14F-4D97-AF65-F5344CB8AC3E}">
        <p14:creationId xmlns:p14="http://schemas.microsoft.com/office/powerpoint/2010/main" val="58875367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A group of people around a table&#10;&#10;AI-generated content may be incorrect.">
            <a:extLst>
              <a:ext uri="{FF2B5EF4-FFF2-40B4-BE49-F238E27FC236}">
                <a16:creationId xmlns:a16="http://schemas.microsoft.com/office/drawing/2014/main" id="{46A9018A-3EDE-E993-BEBC-C2B8F052E969}"/>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Tree>
    <p:extLst>
      <p:ext uri="{BB962C8B-B14F-4D97-AF65-F5344CB8AC3E}">
        <p14:creationId xmlns:p14="http://schemas.microsoft.com/office/powerpoint/2010/main" val="92251610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bg>
      <p:bgPr>
        <a:solidFill>
          <a:srgbClr val="336D7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29EEE3-1613-3A73-76AB-3B9E6244E444}"/>
              </a:ext>
            </a:extLst>
          </p:cNvPr>
          <p:cNvSpPr>
            <a:spLocks noGrp="1"/>
          </p:cNvSpPr>
          <p:nvPr>
            <p:ph type="title"/>
          </p:nvPr>
        </p:nvSpPr>
        <p:spPr>
          <a:xfrm>
            <a:off x="894580" y="1192530"/>
            <a:ext cx="10897200" cy="1296000"/>
          </a:xfrm>
        </p:spPr>
        <p:txBody>
          <a:bodyPr/>
          <a:lstStyle/>
          <a:p>
            <a:r>
              <a:rPr lang="da-DK" sz="5400" dirty="0">
                <a:solidFill>
                  <a:srgbClr val="F68D2E"/>
                </a:solidFill>
                <a:latin typeface="DI Numbers Office" panose="020B0604020202020204" charset="0"/>
              </a:rPr>
              <a:t>46 % </a:t>
            </a:r>
            <a:r>
              <a:rPr lang="da-DK" dirty="0">
                <a:solidFill>
                  <a:schemeClr val="bg1"/>
                </a:solidFill>
              </a:rPr>
              <a:t>af kvindelige bestyrelsesmedlemmer har samme adresse som virksomhedens direktør</a:t>
            </a:r>
          </a:p>
        </p:txBody>
      </p:sp>
      <p:grpSp>
        <p:nvGrpSpPr>
          <p:cNvPr id="446" name="Group 445">
            <a:extLst>
              <a:ext uri="{FF2B5EF4-FFF2-40B4-BE49-F238E27FC236}">
                <a16:creationId xmlns:a16="http://schemas.microsoft.com/office/drawing/2014/main" id="{2B9CB3CE-3E3D-99AD-4A6B-AF34D34A612F}"/>
              </a:ext>
            </a:extLst>
          </p:cNvPr>
          <p:cNvGrpSpPr/>
          <p:nvPr/>
        </p:nvGrpSpPr>
        <p:grpSpPr>
          <a:xfrm>
            <a:off x="1922449" y="2958957"/>
            <a:ext cx="8290064" cy="2887037"/>
            <a:chOff x="2446431" y="3503809"/>
            <a:chExt cx="7127619" cy="2300519"/>
          </a:xfrm>
        </p:grpSpPr>
        <p:pic>
          <p:nvPicPr>
            <p:cNvPr id="346" name="Graphic 345" descr="Woman with solid fill">
              <a:extLst>
                <a:ext uri="{FF2B5EF4-FFF2-40B4-BE49-F238E27FC236}">
                  <a16:creationId xmlns:a16="http://schemas.microsoft.com/office/drawing/2014/main" id="{BD71A1D4-67D3-5876-D38C-8D4354C5059D}"/>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2446431" y="4891492"/>
              <a:ext cx="450274" cy="450274"/>
            </a:xfrm>
            <a:prstGeom prst="rect">
              <a:avLst/>
            </a:prstGeom>
          </p:spPr>
        </p:pic>
        <p:pic>
          <p:nvPicPr>
            <p:cNvPr id="347" name="Graphic 346" descr="Woman with solid fill">
              <a:extLst>
                <a:ext uri="{FF2B5EF4-FFF2-40B4-BE49-F238E27FC236}">
                  <a16:creationId xmlns:a16="http://schemas.microsoft.com/office/drawing/2014/main" id="{3BD8568C-B406-1E7C-75D7-AE485C32FC4A}"/>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446431" y="3966370"/>
              <a:ext cx="450274" cy="450274"/>
            </a:xfrm>
            <a:prstGeom prst="rect">
              <a:avLst/>
            </a:prstGeom>
          </p:spPr>
        </p:pic>
        <p:pic>
          <p:nvPicPr>
            <p:cNvPr id="348" name="Graphic 347" descr="Woman with solid fill">
              <a:extLst>
                <a:ext uri="{FF2B5EF4-FFF2-40B4-BE49-F238E27FC236}">
                  <a16:creationId xmlns:a16="http://schemas.microsoft.com/office/drawing/2014/main" id="{8A5E0C86-BC53-B205-A5EF-32D773D470C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446431" y="3503809"/>
              <a:ext cx="450274" cy="450274"/>
            </a:xfrm>
            <a:prstGeom prst="rect">
              <a:avLst/>
            </a:prstGeom>
          </p:spPr>
        </p:pic>
        <p:pic>
          <p:nvPicPr>
            <p:cNvPr id="349" name="Graphic 348" descr="Woman with solid fill">
              <a:extLst>
                <a:ext uri="{FF2B5EF4-FFF2-40B4-BE49-F238E27FC236}">
                  <a16:creationId xmlns:a16="http://schemas.microsoft.com/office/drawing/2014/main" id="{92243F15-7D8C-DD5C-ACC2-2C49A18253E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446431" y="4428931"/>
              <a:ext cx="450274" cy="450274"/>
            </a:xfrm>
            <a:prstGeom prst="rect">
              <a:avLst/>
            </a:prstGeom>
          </p:spPr>
        </p:pic>
        <p:pic>
          <p:nvPicPr>
            <p:cNvPr id="350" name="Graphic 208" descr="Woman with solid fill">
              <a:extLst>
                <a:ext uri="{FF2B5EF4-FFF2-40B4-BE49-F238E27FC236}">
                  <a16:creationId xmlns:a16="http://schemas.microsoft.com/office/drawing/2014/main" id="{360D6C23-395E-032D-3839-616A8D1A600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960821" y="4891494"/>
              <a:ext cx="450274" cy="450274"/>
            </a:xfrm>
            <a:prstGeom prst="rect">
              <a:avLst/>
            </a:prstGeom>
          </p:spPr>
        </p:pic>
        <p:pic>
          <p:nvPicPr>
            <p:cNvPr id="351" name="Graphic 210" descr="Woman with solid fill">
              <a:extLst>
                <a:ext uri="{FF2B5EF4-FFF2-40B4-BE49-F238E27FC236}">
                  <a16:creationId xmlns:a16="http://schemas.microsoft.com/office/drawing/2014/main" id="{7B800A03-2901-71AF-8BC6-77049B37793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960821" y="3503811"/>
              <a:ext cx="450274" cy="450274"/>
            </a:xfrm>
            <a:prstGeom prst="rect">
              <a:avLst/>
            </a:prstGeom>
          </p:spPr>
        </p:pic>
        <p:pic>
          <p:nvPicPr>
            <p:cNvPr id="352" name="Graphic 211" descr="Woman with solid fill">
              <a:extLst>
                <a:ext uri="{FF2B5EF4-FFF2-40B4-BE49-F238E27FC236}">
                  <a16:creationId xmlns:a16="http://schemas.microsoft.com/office/drawing/2014/main" id="{C7EAFEC4-1F2F-BF46-CB98-BCCC19E91A52}"/>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2446431" y="5354053"/>
              <a:ext cx="450274" cy="450274"/>
            </a:xfrm>
            <a:prstGeom prst="rect">
              <a:avLst/>
            </a:prstGeom>
          </p:spPr>
        </p:pic>
        <p:pic>
          <p:nvPicPr>
            <p:cNvPr id="353" name="Graphic 217" descr="Woman with solid fill">
              <a:extLst>
                <a:ext uri="{FF2B5EF4-FFF2-40B4-BE49-F238E27FC236}">
                  <a16:creationId xmlns:a16="http://schemas.microsoft.com/office/drawing/2014/main" id="{8C08AC44-90E7-81CA-B901-62BE26467D7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960821" y="3966372"/>
              <a:ext cx="450274" cy="450274"/>
            </a:xfrm>
            <a:prstGeom prst="rect">
              <a:avLst/>
            </a:prstGeom>
          </p:spPr>
        </p:pic>
        <p:pic>
          <p:nvPicPr>
            <p:cNvPr id="354" name="Graphic 208" descr="Woman with solid fill">
              <a:extLst>
                <a:ext uri="{FF2B5EF4-FFF2-40B4-BE49-F238E27FC236}">
                  <a16:creationId xmlns:a16="http://schemas.microsoft.com/office/drawing/2014/main" id="{495DC009-C920-5C02-BFEF-3EBA6AB0ED0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960821" y="5354054"/>
              <a:ext cx="450274" cy="450274"/>
            </a:xfrm>
            <a:prstGeom prst="rect">
              <a:avLst/>
            </a:prstGeom>
          </p:spPr>
        </p:pic>
        <p:pic>
          <p:nvPicPr>
            <p:cNvPr id="355" name="Graphic 217" descr="Woman with solid fill">
              <a:extLst>
                <a:ext uri="{FF2B5EF4-FFF2-40B4-BE49-F238E27FC236}">
                  <a16:creationId xmlns:a16="http://schemas.microsoft.com/office/drawing/2014/main" id="{613FAE2F-702A-AF0D-6F8E-E5E44CCB6C0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960821" y="4428933"/>
              <a:ext cx="450274" cy="450274"/>
            </a:xfrm>
            <a:prstGeom prst="rect">
              <a:avLst/>
            </a:prstGeom>
          </p:spPr>
        </p:pic>
        <p:pic>
          <p:nvPicPr>
            <p:cNvPr id="356" name="Graphic 208" descr="Woman with solid fill">
              <a:extLst>
                <a:ext uri="{FF2B5EF4-FFF2-40B4-BE49-F238E27FC236}">
                  <a16:creationId xmlns:a16="http://schemas.microsoft.com/office/drawing/2014/main" id="{CDFE67AF-F4B5-AE16-965A-0AF60D2E011D}"/>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2797870" y="4891492"/>
              <a:ext cx="450274" cy="450274"/>
            </a:xfrm>
            <a:prstGeom prst="rect">
              <a:avLst/>
            </a:prstGeom>
          </p:spPr>
        </p:pic>
        <p:pic>
          <p:nvPicPr>
            <p:cNvPr id="357" name="Graphic 210" descr="Woman with solid fill">
              <a:extLst>
                <a:ext uri="{FF2B5EF4-FFF2-40B4-BE49-F238E27FC236}">
                  <a16:creationId xmlns:a16="http://schemas.microsoft.com/office/drawing/2014/main" id="{37469494-1D1B-440E-2291-C5A6FDD4E1E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797870" y="3966370"/>
              <a:ext cx="450274" cy="450274"/>
            </a:xfrm>
            <a:prstGeom prst="rect">
              <a:avLst/>
            </a:prstGeom>
          </p:spPr>
        </p:pic>
        <p:pic>
          <p:nvPicPr>
            <p:cNvPr id="358" name="Graphic 211" descr="Woman with solid fill">
              <a:extLst>
                <a:ext uri="{FF2B5EF4-FFF2-40B4-BE49-F238E27FC236}">
                  <a16:creationId xmlns:a16="http://schemas.microsoft.com/office/drawing/2014/main" id="{376EC16C-3A82-3765-8756-DA69CBCDC01A}"/>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797870" y="3503809"/>
              <a:ext cx="450274" cy="450274"/>
            </a:xfrm>
            <a:prstGeom prst="rect">
              <a:avLst/>
            </a:prstGeom>
          </p:spPr>
        </p:pic>
        <p:pic>
          <p:nvPicPr>
            <p:cNvPr id="359" name="Graphic 217" descr="Woman with solid fill">
              <a:extLst>
                <a:ext uri="{FF2B5EF4-FFF2-40B4-BE49-F238E27FC236}">
                  <a16:creationId xmlns:a16="http://schemas.microsoft.com/office/drawing/2014/main" id="{B0B97B00-8B14-24DB-F022-F9878D20DEE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797870" y="4428931"/>
              <a:ext cx="450274" cy="450274"/>
            </a:xfrm>
            <a:prstGeom prst="rect">
              <a:avLst/>
            </a:prstGeom>
          </p:spPr>
        </p:pic>
        <p:pic>
          <p:nvPicPr>
            <p:cNvPr id="360" name="Graphic 208" descr="Woman with solid fill">
              <a:extLst>
                <a:ext uri="{FF2B5EF4-FFF2-40B4-BE49-F238E27FC236}">
                  <a16:creationId xmlns:a16="http://schemas.microsoft.com/office/drawing/2014/main" id="{EA77E4B7-62A8-863E-D17B-2863A717C683}"/>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312260" y="4891494"/>
              <a:ext cx="450274" cy="450274"/>
            </a:xfrm>
            <a:prstGeom prst="rect">
              <a:avLst/>
            </a:prstGeom>
          </p:spPr>
        </p:pic>
        <p:pic>
          <p:nvPicPr>
            <p:cNvPr id="361" name="Graphic 210" descr="Woman with solid fill">
              <a:extLst>
                <a:ext uri="{FF2B5EF4-FFF2-40B4-BE49-F238E27FC236}">
                  <a16:creationId xmlns:a16="http://schemas.microsoft.com/office/drawing/2014/main" id="{A5EE3025-DC02-2FC0-BDBC-34363120067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312260" y="3503811"/>
              <a:ext cx="450274" cy="450274"/>
            </a:xfrm>
            <a:prstGeom prst="rect">
              <a:avLst/>
            </a:prstGeom>
          </p:spPr>
        </p:pic>
        <p:pic>
          <p:nvPicPr>
            <p:cNvPr id="362" name="Graphic 211" descr="Woman with solid fill">
              <a:extLst>
                <a:ext uri="{FF2B5EF4-FFF2-40B4-BE49-F238E27FC236}">
                  <a16:creationId xmlns:a16="http://schemas.microsoft.com/office/drawing/2014/main" id="{8CA92E78-92B3-E703-5C9E-98DC0531CB4D}"/>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2797870" y="5354053"/>
              <a:ext cx="450274" cy="450274"/>
            </a:xfrm>
            <a:prstGeom prst="rect">
              <a:avLst/>
            </a:prstGeom>
          </p:spPr>
        </p:pic>
        <p:pic>
          <p:nvPicPr>
            <p:cNvPr id="363" name="Graphic 217" descr="Woman with solid fill">
              <a:extLst>
                <a:ext uri="{FF2B5EF4-FFF2-40B4-BE49-F238E27FC236}">
                  <a16:creationId xmlns:a16="http://schemas.microsoft.com/office/drawing/2014/main" id="{395664FA-BE7F-E265-6CAF-229B2FC6FE3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312260" y="3966372"/>
              <a:ext cx="450274" cy="450274"/>
            </a:xfrm>
            <a:prstGeom prst="rect">
              <a:avLst/>
            </a:prstGeom>
          </p:spPr>
        </p:pic>
        <p:pic>
          <p:nvPicPr>
            <p:cNvPr id="364" name="Graphic 208" descr="Woman with solid fill">
              <a:extLst>
                <a:ext uri="{FF2B5EF4-FFF2-40B4-BE49-F238E27FC236}">
                  <a16:creationId xmlns:a16="http://schemas.microsoft.com/office/drawing/2014/main" id="{45767A6E-90AD-E955-07E4-6D5A752D218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312260" y="5354054"/>
              <a:ext cx="450274" cy="450274"/>
            </a:xfrm>
            <a:prstGeom prst="rect">
              <a:avLst/>
            </a:prstGeom>
          </p:spPr>
        </p:pic>
        <p:pic>
          <p:nvPicPr>
            <p:cNvPr id="365" name="Graphic 217" descr="Woman with solid fill">
              <a:extLst>
                <a:ext uri="{FF2B5EF4-FFF2-40B4-BE49-F238E27FC236}">
                  <a16:creationId xmlns:a16="http://schemas.microsoft.com/office/drawing/2014/main" id="{84830DBC-7EAE-0521-E1F2-F14B8E26538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312260" y="4428934"/>
              <a:ext cx="450274" cy="450274"/>
            </a:xfrm>
            <a:prstGeom prst="rect">
              <a:avLst/>
            </a:prstGeom>
          </p:spPr>
        </p:pic>
        <p:pic>
          <p:nvPicPr>
            <p:cNvPr id="366" name="Graphic 208" descr="Woman with solid fill">
              <a:extLst>
                <a:ext uri="{FF2B5EF4-FFF2-40B4-BE49-F238E27FC236}">
                  <a16:creationId xmlns:a16="http://schemas.microsoft.com/office/drawing/2014/main" id="{75D3A61E-614F-E3A7-7C1C-D4BF3C5A815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149309" y="4891492"/>
              <a:ext cx="450274" cy="450274"/>
            </a:xfrm>
            <a:prstGeom prst="rect">
              <a:avLst/>
            </a:prstGeom>
          </p:spPr>
        </p:pic>
        <p:pic>
          <p:nvPicPr>
            <p:cNvPr id="367" name="Graphic 210" descr="Woman with solid fill">
              <a:extLst>
                <a:ext uri="{FF2B5EF4-FFF2-40B4-BE49-F238E27FC236}">
                  <a16:creationId xmlns:a16="http://schemas.microsoft.com/office/drawing/2014/main" id="{70DE48D5-3ECA-1A45-AB3B-BA522F3C7D5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149309" y="3966370"/>
              <a:ext cx="450274" cy="450274"/>
            </a:xfrm>
            <a:prstGeom prst="rect">
              <a:avLst/>
            </a:prstGeom>
          </p:spPr>
        </p:pic>
        <p:pic>
          <p:nvPicPr>
            <p:cNvPr id="368" name="Graphic 211" descr="Woman with solid fill">
              <a:extLst>
                <a:ext uri="{FF2B5EF4-FFF2-40B4-BE49-F238E27FC236}">
                  <a16:creationId xmlns:a16="http://schemas.microsoft.com/office/drawing/2014/main" id="{40C9CBF5-32EA-04EE-2820-39C8727583FD}"/>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149309" y="3503809"/>
              <a:ext cx="450274" cy="450274"/>
            </a:xfrm>
            <a:prstGeom prst="rect">
              <a:avLst/>
            </a:prstGeom>
          </p:spPr>
        </p:pic>
        <p:pic>
          <p:nvPicPr>
            <p:cNvPr id="369" name="Graphic 217" descr="Woman with solid fill">
              <a:extLst>
                <a:ext uri="{FF2B5EF4-FFF2-40B4-BE49-F238E27FC236}">
                  <a16:creationId xmlns:a16="http://schemas.microsoft.com/office/drawing/2014/main" id="{B20D32A6-679F-BEA0-B32E-64E8B153955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149309" y="4428931"/>
              <a:ext cx="450274" cy="450274"/>
            </a:xfrm>
            <a:prstGeom prst="rect">
              <a:avLst/>
            </a:prstGeom>
          </p:spPr>
        </p:pic>
        <p:pic>
          <p:nvPicPr>
            <p:cNvPr id="370" name="Graphic 208" descr="Woman with solid fill">
              <a:extLst>
                <a:ext uri="{FF2B5EF4-FFF2-40B4-BE49-F238E27FC236}">
                  <a16:creationId xmlns:a16="http://schemas.microsoft.com/office/drawing/2014/main" id="{F155C0B2-996C-DB7B-256F-E52CFDF62E8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663699" y="4891494"/>
              <a:ext cx="450274" cy="450274"/>
            </a:xfrm>
            <a:prstGeom prst="rect">
              <a:avLst/>
            </a:prstGeom>
          </p:spPr>
        </p:pic>
        <p:pic>
          <p:nvPicPr>
            <p:cNvPr id="371" name="Graphic 210" descr="Woman with solid fill">
              <a:extLst>
                <a:ext uri="{FF2B5EF4-FFF2-40B4-BE49-F238E27FC236}">
                  <a16:creationId xmlns:a16="http://schemas.microsoft.com/office/drawing/2014/main" id="{3B6CF1CF-5229-839C-3930-0862DF9B620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663699" y="3503811"/>
              <a:ext cx="450274" cy="450274"/>
            </a:xfrm>
            <a:prstGeom prst="rect">
              <a:avLst/>
            </a:prstGeom>
          </p:spPr>
        </p:pic>
        <p:pic>
          <p:nvPicPr>
            <p:cNvPr id="372" name="Graphic 211" descr="Woman with solid fill">
              <a:extLst>
                <a:ext uri="{FF2B5EF4-FFF2-40B4-BE49-F238E27FC236}">
                  <a16:creationId xmlns:a16="http://schemas.microsoft.com/office/drawing/2014/main" id="{29667E01-F297-C81D-2A72-96BDF3D20AB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149309" y="5354053"/>
              <a:ext cx="450274" cy="450274"/>
            </a:xfrm>
            <a:prstGeom prst="rect">
              <a:avLst/>
            </a:prstGeom>
          </p:spPr>
        </p:pic>
        <p:pic>
          <p:nvPicPr>
            <p:cNvPr id="373" name="Graphic 217" descr="Woman with solid fill">
              <a:extLst>
                <a:ext uri="{FF2B5EF4-FFF2-40B4-BE49-F238E27FC236}">
                  <a16:creationId xmlns:a16="http://schemas.microsoft.com/office/drawing/2014/main" id="{CFCB267F-E1D3-5CDA-2677-47942A61B20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663699" y="3966371"/>
              <a:ext cx="450274" cy="450274"/>
            </a:xfrm>
            <a:prstGeom prst="rect">
              <a:avLst/>
            </a:prstGeom>
          </p:spPr>
        </p:pic>
        <p:pic>
          <p:nvPicPr>
            <p:cNvPr id="374" name="Graphic 208" descr="Woman with solid fill">
              <a:extLst>
                <a:ext uri="{FF2B5EF4-FFF2-40B4-BE49-F238E27FC236}">
                  <a16:creationId xmlns:a16="http://schemas.microsoft.com/office/drawing/2014/main" id="{EB55A5EA-93FB-0ED1-2694-0FBBCB523245}"/>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663699" y="5354053"/>
              <a:ext cx="450274" cy="450274"/>
            </a:xfrm>
            <a:prstGeom prst="rect">
              <a:avLst/>
            </a:prstGeom>
          </p:spPr>
        </p:pic>
        <p:pic>
          <p:nvPicPr>
            <p:cNvPr id="375" name="Graphic 217" descr="Woman with solid fill">
              <a:extLst>
                <a:ext uri="{FF2B5EF4-FFF2-40B4-BE49-F238E27FC236}">
                  <a16:creationId xmlns:a16="http://schemas.microsoft.com/office/drawing/2014/main" id="{8730072E-B4EC-4652-8F15-96B75A55940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663699" y="4428933"/>
              <a:ext cx="450274" cy="450274"/>
            </a:xfrm>
            <a:prstGeom prst="rect">
              <a:avLst/>
            </a:prstGeom>
          </p:spPr>
        </p:pic>
        <p:pic>
          <p:nvPicPr>
            <p:cNvPr id="376" name="Graphic 208" descr="Woman with solid fill">
              <a:extLst>
                <a:ext uri="{FF2B5EF4-FFF2-40B4-BE49-F238E27FC236}">
                  <a16:creationId xmlns:a16="http://schemas.microsoft.com/office/drawing/2014/main" id="{5444BEF5-F2AC-03E2-5FE3-9E31F2016435}"/>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500748" y="4891492"/>
              <a:ext cx="450274" cy="450274"/>
            </a:xfrm>
            <a:prstGeom prst="rect">
              <a:avLst/>
            </a:prstGeom>
          </p:spPr>
        </p:pic>
        <p:pic>
          <p:nvPicPr>
            <p:cNvPr id="377" name="Graphic 210" descr="Woman with solid fill">
              <a:extLst>
                <a:ext uri="{FF2B5EF4-FFF2-40B4-BE49-F238E27FC236}">
                  <a16:creationId xmlns:a16="http://schemas.microsoft.com/office/drawing/2014/main" id="{FD1F4C03-B296-1098-EF6E-9EEBA5F6361A}"/>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500748" y="3966370"/>
              <a:ext cx="450274" cy="450274"/>
            </a:xfrm>
            <a:prstGeom prst="rect">
              <a:avLst/>
            </a:prstGeom>
          </p:spPr>
        </p:pic>
        <p:pic>
          <p:nvPicPr>
            <p:cNvPr id="378" name="Graphic 211" descr="Woman with solid fill">
              <a:extLst>
                <a:ext uri="{FF2B5EF4-FFF2-40B4-BE49-F238E27FC236}">
                  <a16:creationId xmlns:a16="http://schemas.microsoft.com/office/drawing/2014/main" id="{AA327D4C-ACA2-BDDD-CEF4-AC5DB3EECFB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500748" y="3503809"/>
              <a:ext cx="450274" cy="450274"/>
            </a:xfrm>
            <a:prstGeom prst="rect">
              <a:avLst/>
            </a:prstGeom>
          </p:spPr>
        </p:pic>
        <p:pic>
          <p:nvPicPr>
            <p:cNvPr id="379" name="Graphic 217" descr="Woman with solid fill">
              <a:extLst>
                <a:ext uri="{FF2B5EF4-FFF2-40B4-BE49-F238E27FC236}">
                  <a16:creationId xmlns:a16="http://schemas.microsoft.com/office/drawing/2014/main" id="{B58A5E23-4292-598B-8A88-0F313198D8A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500748" y="4428931"/>
              <a:ext cx="450274" cy="450274"/>
            </a:xfrm>
            <a:prstGeom prst="rect">
              <a:avLst/>
            </a:prstGeom>
          </p:spPr>
        </p:pic>
        <p:pic>
          <p:nvPicPr>
            <p:cNvPr id="380" name="Graphic 208" descr="Woman with solid fill">
              <a:extLst>
                <a:ext uri="{FF2B5EF4-FFF2-40B4-BE49-F238E27FC236}">
                  <a16:creationId xmlns:a16="http://schemas.microsoft.com/office/drawing/2014/main" id="{C1F9FCEA-C152-AE2A-4527-96B96AEDB18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015138" y="4891494"/>
              <a:ext cx="450274" cy="450274"/>
            </a:xfrm>
            <a:prstGeom prst="rect">
              <a:avLst/>
            </a:prstGeom>
          </p:spPr>
        </p:pic>
        <p:pic>
          <p:nvPicPr>
            <p:cNvPr id="381" name="Graphic 210" descr="Woman with solid fill">
              <a:extLst>
                <a:ext uri="{FF2B5EF4-FFF2-40B4-BE49-F238E27FC236}">
                  <a16:creationId xmlns:a16="http://schemas.microsoft.com/office/drawing/2014/main" id="{77EA9A38-0F7E-1F4A-899F-AC34AAA2300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015138" y="3503811"/>
              <a:ext cx="450274" cy="450274"/>
            </a:xfrm>
            <a:prstGeom prst="rect">
              <a:avLst/>
            </a:prstGeom>
          </p:spPr>
        </p:pic>
        <p:pic>
          <p:nvPicPr>
            <p:cNvPr id="382" name="Graphic 211" descr="Woman with solid fill">
              <a:extLst>
                <a:ext uri="{FF2B5EF4-FFF2-40B4-BE49-F238E27FC236}">
                  <a16:creationId xmlns:a16="http://schemas.microsoft.com/office/drawing/2014/main" id="{276FA9B5-C380-245E-6AAD-3AA802839F4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500748" y="5354053"/>
              <a:ext cx="450274" cy="450274"/>
            </a:xfrm>
            <a:prstGeom prst="rect">
              <a:avLst/>
            </a:prstGeom>
          </p:spPr>
        </p:pic>
        <p:pic>
          <p:nvPicPr>
            <p:cNvPr id="383" name="Graphic 217" descr="Woman with solid fill">
              <a:extLst>
                <a:ext uri="{FF2B5EF4-FFF2-40B4-BE49-F238E27FC236}">
                  <a16:creationId xmlns:a16="http://schemas.microsoft.com/office/drawing/2014/main" id="{59B6E7B1-868B-1D21-E1A5-9ED188CBD50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015138" y="3966372"/>
              <a:ext cx="450274" cy="450274"/>
            </a:xfrm>
            <a:prstGeom prst="rect">
              <a:avLst/>
            </a:prstGeom>
          </p:spPr>
        </p:pic>
        <p:pic>
          <p:nvPicPr>
            <p:cNvPr id="384" name="Graphic 208" descr="Woman with solid fill">
              <a:extLst>
                <a:ext uri="{FF2B5EF4-FFF2-40B4-BE49-F238E27FC236}">
                  <a16:creationId xmlns:a16="http://schemas.microsoft.com/office/drawing/2014/main" id="{54E9C729-CF0E-D180-9F18-43B5637BCE7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015138" y="5354054"/>
              <a:ext cx="450274" cy="450274"/>
            </a:xfrm>
            <a:prstGeom prst="rect">
              <a:avLst/>
            </a:prstGeom>
          </p:spPr>
        </p:pic>
        <p:pic>
          <p:nvPicPr>
            <p:cNvPr id="385" name="Graphic 217" descr="Woman with solid fill">
              <a:extLst>
                <a:ext uri="{FF2B5EF4-FFF2-40B4-BE49-F238E27FC236}">
                  <a16:creationId xmlns:a16="http://schemas.microsoft.com/office/drawing/2014/main" id="{0CD44931-9B64-E1C1-41A5-D78CD1F0A3B4}"/>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015138" y="4428933"/>
              <a:ext cx="450274" cy="450274"/>
            </a:xfrm>
            <a:prstGeom prst="rect">
              <a:avLst/>
            </a:prstGeom>
          </p:spPr>
        </p:pic>
        <p:pic>
          <p:nvPicPr>
            <p:cNvPr id="386" name="Graphic 208" descr="Woman with solid fill">
              <a:extLst>
                <a:ext uri="{FF2B5EF4-FFF2-40B4-BE49-F238E27FC236}">
                  <a16:creationId xmlns:a16="http://schemas.microsoft.com/office/drawing/2014/main" id="{B7B31D1A-666E-4D6A-86F9-F3E3D018962D}"/>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852187" y="4891492"/>
              <a:ext cx="450274" cy="450274"/>
            </a:xfrm>
            <a:prstGeom prst="rect">
              <a:avLst/>
            </a:prstGeom>
          </p:spPr>
        </p:pic>
        <p:pic>
          <p:nvPicPr>
            <p:cNvPr id="387" name="Graphic 210" descr="Woman with solid fill">
              <a:extLst>
                <a:ext uri="{FF2B5EF4-FFF2-40B4-BE49-F238E27FC236}">
                  <a16:creationId xmlns:a16="http://schemas.microsoft.com/office/drawing/2014/main" id="{C37C5C11-7D4F-723C-9F5C-9AD67337FA2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852187" y="3966370"/>
              <a:ext cx="450274" cy="450274"/>
            </a:xfrm>
            <a:prstGeom prst="rect">
              <a:avLst/>
            </a:prstGeom>
          </p:spPr>
        </p:pic>
        <p:pic>
          <p:nvPicPr>
            <p:cNvPr id="388" name="Graphic 211" descr="Woman with solid fill">
              <a:extLst>
                <a:ext uri="{FF2B5EF4-FFF2-40B4-BE49-F238E27FC236}">
                  <a16:creationId xmlns:a16="http://schemas.microsoft.com/office/drawing/2014/main" id="{3FA5D4E2-57E9-0035-0ED8-B5007196AA1C}"/>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852187" y="3503809"/>
              <a:ext cx="450274" cy="450274"/>
            </a:xfrm>
            <a:prstGeom prst="rect">
              <a:avLst/>
            </a:prstGeom>
          </p:spPr>
        </p:pic>
        <p:pic>
          <p:nvPicPr>
            <p:cNvPr id="389" name="Graphic 217" descr="Woman with solid fill">
              <a:extLst>
                <a:ext uri="{FF2B5EF4-FFF2-40B4-BE49-F238E27FC236}">
                  <a16:creationId xmlns:a16="http://schemas.microsoft.com/office/drawing/2014/main" id="{2D721BE1-701B-5043-018C-D1F469D421B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852187" y="4428931"/>
              <a:ext cx="450274" cy="450274"/>
            </a:xfrm>
            <a:prstGeom prst="rect">
              <a:avLst/>
            </a:prstGeom>
          </p:spPr>
        </p:pic>
        <p:pic>
          <p:nvPicPr>
            <p:cNvPr id="390" name="Graphic 208" descr="Woman with solid fill">
              <a:extLst>
                <a:ext uri="{FF2B5EF4-FFF2-40B4-BE49-F238E27FC236}">
                  <a16:creationId xmlns:a16="http://schemas.microsoft.com/office/drawing/2014/main" id="{4099E6E7-7B1F-6261-CD20-BB3B9DD7EBF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366577" y="4891494"/>
              <a:ext cx="450274" cy="450274"/>
            </a:xfrm>
            <a:prstGeom prst="rect">
              <a:avLst/>
            </a:prstGeom>
          </p:spPr>
        </p:pic>
        <p:pic>
          <p:nvPicPr>
            <p:cNvPr id="391" name="Graphic 210" descr="Woman with solid fill">
              <a:extLst>
                <a:ext uri="{FF2B5EF4-FFF2-40B4-BE49-F238E27FC236}">
                  <a16:creationId xmlns:a16="http://schemas.microsoft.com/office/drawing/2014/main" id="{7E78D573-F26A-0C2A-DBEB-191C3169CCA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366577" y="3503811"/>
              <a:ext cx="450274" cy="450274"/>
            </a:xfrm>
            <a:prstGeom prst="rect">
              <a:avLst/>
            </a:prstGeom>
          </p:spPr>
        </p:pic>
        <p:pic>
          <p:nvPicPr>
            <p:cNvPr id="392" name="Graphic 211" descr="Woman with solid fill">
              <a:extLst>
                <a:ext uri="{FF2B5EF4-FFF2-40B4-BE49-F238E27FC236}">
                  <a16:creationId xmlns:a16="http://schemas.microsoft.com/office/drawing/2014/main" id="{EF69F047-11AC-E93D-86ED-76C78D9F201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852187" y="5354053"/>
              <a:ext cx="450274" cy="450274"/>
            </a:xfrm>
            <a:prstGeom prst="rect">
              <a:avLst/>
            </a:prstGeom>
          </p:spPr>
        </p:pic>
        <p:pic>
          <p:nvPicPr>
            <p:cNvPr id="393" name="Graphic 217" descr="Woman with solid fill">
              <a:extLst>
                <a:ext uri="{FF2B5EF4-FFF2-40B4-BE49-F238E27FC236}">
                  <a16:creationId xmlns:a16="http://schemas.microsoft.com/office/drawing/2014/main" id="{386B0842-F321-2AA2-E4BA-D4A67E3A3E6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366577" y="3966371"/>
              <a:ext cx="450274" cy="450274"/>
            </a:xfrm>
            <a:prstGeom prst="rect">
              <a:avLst/>
            </a:prstGeom>
          </p:spPr>
        </p:pic>
        <p:pic>
          <p:nvPicPr>
            <p:cNvPr id="394" name="Graphic 208" descr="Woman with solid fill">
              <a:extLst>
                <a:ext uri="{FF2B5EF4-FFF2-40B4-BE49-F238E27FC236}">
                  <a16:creationId xmlns:a16="http://schemas.microsoft.com/office/drawing/2014/main" id="{F38CD945-1678-1C70-BA3F-E7543F56A00D}"/>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366577" y="5354053"/>
              <a:ext cx="450274" cy="450274"/>
            </a:xfrm>
            <a:prstGeom prst="rect">
              <a:avLst/>
            </a:prstGeom>
          </p:spPr>
        </p:pic>
        <p:pic>
          <p:nvPicPr>
            <p:cNvPr id="395" name="Graphic 217" descr="Woman with solid fill">
              <a:extLst>
                <a:ext uri="{FF2B5EF4-FFF2-40B4-BE49-F238E27FC236}">
                  <a16:creationId xmlns:a16="http://schemas.microsoft.com/office/drawing/2014/main" id="{0B40D192-A646-EB08-E3C8-D9EC85EB1295}"/>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366577" y="4428933"/>
              <a:ext cx="450274" cy="450274"/>
            </a:xfrm>
            <a:prstGeom prst="rect">
              <a:avLst/>
            </a:prstGeom>
          </p:spPr>
        </p:pic>
        <p:pic>
          <p:nvPicPr>
            <p:cNvPr id="396" name="Graphic 208" descr="Woman with solid fill">
              <a:extLst>
                <a:ext uri="{FF2B5EF4-FFF2-40B4-BE49-F238E27FC236}">
                  <a16:creationId xmlns:a16="http://schemas.microsoft.com/office/drawing/2014/main" id="{FF46818C-0599-5668-2A29-DAD9EAF8198D}"/>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203626" y="4891492"/>
              <a:ext cx="450274" cy="450274"/>
            </a:xfrm>
            <a:prstGeom prst="rect">
              <a:avLst/>
            </a:prstGeom>
          </p:spPr>
        </p:pic>
        <p:pic>
          <p:nvPicPr>
            <p:cNvPr id="397" name="Graphic 210" descr="Woman with solid fill">
              <a:extLst>
                <a:ext uri="{FF2B5EF4-FFF2-40B4-BE49-F238E27FC236}">
                  <a16:creationId xmlns:a16="http://schemas.microsoft.com/office/drawing/2014/main" id="{30FA2467-4A44-D11B-BFD8-52AB467391D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203626" y="3966370"/>
              <a:ext cx="450274" cy="450274"/>
            </a:xfrm>
            <a:prstGeom prst="rect">
              <a:avLst/>
            </a:prstGeom>
          </p:spPr>
        </p:pic>
        <p:pic>
          <p:nvPicPr>
            <p:cNvPr id="398" name="Graphic 211" descr="Woman with solid fill">
              <a:extLst>
                <a:ext uri="{FF2B5EF4-FFF2-40B4-BE49-F238E27FC236}">
                  <a16:creationId xmlns:a16="http://schemas.microsoft.com/office/drawing/2014/main" id="{67C6088B-3EDE-433A-C8C7-4D37256CB7F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203626" y="3503809"/>
              <a:ext cx="450274" cy="450274"/>
            </a:xfrm>
            <a:prstGeom prst="rect">
              <a:avLst/>
            </a:prstGeom>
          </p:spPr>
        </p:pic>
        <p:pic>
          <p:nvPicPr>
            <p:cNvPr id="399" name="Graphic 217" descr="Woman with solid fill">
              <a:extLst>
                <a:ext uri="{FF2B5EF4-FFF2-40B4-BE49-F238E27FC236}">
                  <a16:creationId xmlns:a16="http://schemas.microsoft.com/office/drawing/2014/main" id="{11E2EE74-6E5D-AD5D-C03F-9603FD52675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203626" y="4428931"/>
              <a:ext cx="450274" cy="450274"/>
            </a:xfrm>
            <a:prstGeom prst="rect">
              <a:avLst/>
            </a:prstGeom>
          </p:spPr>
        </p:pic>
        <p:pic>
          <p:nvPicPr>
            <p:cNvPr id="400" name="Graphic 208" descr="Woman with solid fill">
              <a:extLst>
                <a:ext uri="{FF2B5EF4-FFF2-40B4-BE49-F238E27FC236}">
                  <a16:creationId xmlns:a16="http://schemas.microsoft.com/office/drawing/2014/main" id="{35392FDC-44A1-CA97-F2B9-D1785A2AF44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718016" y="4891494"/>
              <a:ext cx="450274" cy="450274"/>
            </a:xfrm>
            <a:prstGeom prst="rect">
              <a:avLst/>
            </a:prstGeom>
          </p:spPr>
        </p:pic>
        <p:pic>
          <p:nvPicPr>
            <p:cNvPr id="401" name="Graphic 210" descr="Woman with solid fill">
              <a:extLst>
                <a:ext uri="{FF2B5EF4-FFF2-40B4-BE49-F238E27FC236}">
                  <a16:creationId xmlns:a16="http://schemas.microsoft.com/office/drawing/2014/main" id="{1AF15407-15E4-142D-2143-689EE3DD0E8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718016" y="3503811"/>
              <a:ext cx="450274" cy="450274"/>
            </a:xfrm>
            <a:prstGeom prst="rect">
              <a:avLst/>
            </a:prstGeom>
          </p:spPr>
        </p:pic>
        <p:pic>
          <p:nvPicPr>
            <p:cNvPr id="402" name="Graphic 211" descr="Woman with solid fill">
              <a:extLst>
                <a:ext uri="{FF2B5EF4-FFF2-40B4-BE49-F238E27FC236}">
                  <a16:creationId xmlns:a16="http://schemas.microsoft.com/office/drawing/2014/main" id="{38CC5C23-8EBC-69F2-6A7A-BC6ED3648DF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203626" y="5354053"/>
              <a:ext cx="450274" cy="450274"/>
            </a:xfrm>
            <a:prstGeom prst="rect">
              <a:avLst/>
            </a:prstGeom>
          </p:spPr>
        </p:pic>
        <p:pic>
          <p:nvPicPr>
            <p:cNvPr id="403" name="Graphic 217" descr="Woman with solid fill">
              <a:extLst>
                <a:ext uri="{FF2B5EF4-FFF2-40B4-BE49-F238E27FC236}">
                  <a16:creationId xmlns:a16="http://schemas.microsoft.com/office/drawing/2014/main" id="{F31CD6A6-8D6E-FEAB-265F-0D47BFFA8CA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718016" y="3966371"/>
              <a:ext cx="450274" cy="450274"/>
            </a:xfrm>
            <a:prstGeom prst="rect">
              <a:avLst/>
            </a:prstGeom>
          </p:spPr>
        </p:pic>
        <p:pic>
          <p:nvPicPr>
            <p:cNvPr id="404" name="Graphic 208" descr="Woman with solid fill">
              <a:extLst>
                <a:ext uri="{FF2B5EF4-FFF2-40B4-BE49-F238E27FC236}">
                  <a16:creationId xmlns:a16="http://schemas.microsoft.com/office/drawing/2014/main" id="{8D10C630-C8EB-351E-6C67-6F4A02C5E305}"/>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718016" y="5354053"/>
              <a:ext cx="450274" cy="450274"/>
            </a:xfrm>
            <a:prstGeom prst="rect">
              <a:avLst/>
            </a:prstGeom>
          </p:spPr>
        </p:pic>
        <p:pic>
          <p:nvPicPr>
            <p:cNvPr id="405" name="Graphic 217" descr="Woman with solid fill">
              <a:extLst>
                <a:ext uri="{FF2B5EF4-FFF2-40B4-BE49-F238E27FC236}">
                  <a16:creationId xmlns:a16="http://schemas.microsoft.com/office/drawing/2014/main" id="{BE0A672B-709D-E409-444C-6381E1EA5AF6}"/>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718016" y="4428933"/>
              <a:ext cx="450274" cy="450274"/>
            </a:xfrm>
            <a:prstGeom prst="rect">
              <a:avLst/>
            </a:prstGeom>
          </p:spPr>
        </p:pic>
        <p:pic>
          <p:nvPicPr>
            <p:cNvPr id="406" name="Graphic 208" descr="Woman with solid fill">
              <a:extLst>
                <a:ext uri="{FF2B5EF4-FFF2-40B4-BE49-F238E27FC236}">
                  <a16:creationId xmlns:a16="http://schemas.microsoft.com/office/drawing/2014/main" id="{DE43E789-7117-7854-A201-E466AFA663A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555065" y="4891492"/>
              <a:ext cx="450274" cy="450274"/>
            </a:xfrm>
            <a:prstGeom prst="rect">
              <a:avLst/>
            </a:prstGeom>
          </p:spPr>
        </p:pic>
        <p:pic>
          <p:nvPicPr>
            <p:cNvPr id="407" name="Graphic 210" descr="Woman with solid fill">
              <a:extLst>
                <a:ext uri="{FF2B5EF4-FFF2-40B4-BE49-F238E27FC236}">
                  <a16:creationId xmlns:a16="http://schemas.microsoft.com/office/drawing/2014/main" id="{A4A63E42-E232-20C8-75C9-4CFDD78CB51C}"/>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555065" y="3966370"/>
              <a:ext cx="450274" cy="450274"/>
            </a:xfrm>
            <a:prstGeom prst="rect">
              <a:avLst/>
            </a:prstGeom>
          </p:spPr>
        </p:pic>
        <p:pic>
          <p:nvPicPr>
            <p:cNvPr id="408" name="Graphic 211" descr="Woman with solid fill">
              <a:extLst>
                <a:ext uri="{FF2B5EF4-FFF2-40B4-BE49-F238E27FC236}">
                  <a16:creationId xmlns:a16="http://schemas.microsoft.com/office/drawing/2014/main" id="{2AFCC4CE-62F2-D949-0074-00571203494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555065" y="3503809"/>
              <a:ext cx="450274" cy="450274"/>
            </a:xfrm>
            <a:prstGeom prst="rect">
              <a:avLst/>
            </a:prstGeom>
          </p:spPr>
        </p:pic>
        <p:pic>
          <p:nvPicPr>
            <p:cNvPr id="409" name="Graphic 217" descr="Woman with solid fill">
              <a:extLst>
                <a:ext uri="{FF2B5EF4-FFF2-40B4-BE49-F238E27FC236}">
                  <a16:creationId xmlns:a16="http://schemas.microsoft.com/office/drawing/2014/main" id="{F3CA3E8B-C9F4-B6C9-CA82-FA42A982C4B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555065" y="4428931"/>
              <a:ext cx="450274" cy="450274"/>
            </a:xfrm>
            <a:prstGeom prst="rect">
              <a:avLst/>
            </a:prstGeom>
          </p:spPr>
        </p:pic>
        <p:pic>
          <p:nvPicPr>
            <p:cNvPr id="410" name="Graphic 208" descr="Woman with solid fill">
              <a:extLst>
                <a:ext uri="{FF2B5EF4-FFF2-40B4-BE49-F238E27FC236}">
                  <a16:creationId xmlns:a16="http://schemas.microsoft.com/office/drawing/2014/main" id="{46078548-7C4D-E214-2A9D-ABD5E88F6865}"/>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069455" y="4891494"/>
              <a:ext cx="450274" cy="450274"/>
            </a:xfrm>
            <a:prstGeom prst="rect">
              <a:avLst/>
            </a:prstGeom>
          </p:spPr>
        </p:pic>
        <p:pic>
          <p:nvPicPr>
            <p:cNvPr id="411" name="Graphic 210" descr="Woman with solid fill">
              <a:extLst>
                <a:ext uri="{FF2B5EF4-FFF2-40B4-BE49-F238E27FC236}">
                  <a16:creationId xmlns:a16="http://schemas.microsoft.com/office/drawing/2014/main" id="{500D873D-C397-A698-A367-EBE704F82D9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069455" y="3503811"/>
              <a:ext cx="450274" cy="450274"/>
            </a:xfrm>
            <a:prstGeom prst="rect">
              <a:avLst/>
            </a:prstGeom>
          </p:spPr>
        </p:pic>
        <p:pic>
          <p:nvPicPr>
            <p:cNvPr id="412" name="Graphic 211" descr="Woman with solid fill">
              <a:extLst>
                <a:ext uri="{FF2B5EF4-FFF2-40B4-BE49-F238E27FC236}">
                  <a16:creationId xmlns:a16="http://schemas.microsoft.com/office/drawing/2014/main" id="{4576A907-B937-7604-1746-D393A018A152}"/>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555065" y="5354053"/>
              <a:ext cx="450274" cy="450274"/>
            </a:xfrm>
            <a:prstGeom prst="rect">
              <a:avLst/>
            </a:prstGeom>
          </p:spPr>
        </p:pic>
        <p:pic>
          <p:nvPicPr>
            <p:cNvPr id="413" name="Graphic 217" descr="Woman with solid fill">
              <a:extLst>
                <a:ext uri="{FF2B5EF4-FFF2-40B4-BE49-F238E27FC236}">
                  <a16:creationId xmlns:a16="http://schemas.microsoft.com/office/drawing/2014/main" id="{3690BA73-8868-4171-3FFD-BCCFD7D2643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069455" y="3966372"/>
              <a:ext cx="450274" cy="450274"/>
            </a:xfrm>
            <a:prstGeom prst="rect">
              <a:avLst/>
            </a:prstGeom>
          </p:spPr>
        </p:pic>
        <p:pic>
          <p:nvPicPr>
            <p:cNvPr id="414" name="Graphic 208" descr="Woman with solid fill">
              <a:extLst>
                <a:ext uri="{FF2B5EF4-FFF2-40B4-BE49-F238E27FC236}">
                  <a16:creationId xmlns:a16="http://schemas.microsoft.com/office/drawing/2014/main" id="{5FBFB4D3-24D3-699B-63AC-3635D8597FA8}"/>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069455" y="5354054"/>
              <a:ext cx="450274" cy="450274"/>
            </a:xfrm>
            <a:prstGeom prst="rect">
              <a:avLst/>
            </a:prstGeom>
          </p:spPr>
        </p:pic>
        <p:pic>
          <p:nvPicPr>
            <p:cNvPr id="415" name="Graphic 217" descr="Woman with solid fill">
              <a:extLst>
                <a:ext uri="{FF2B5EF4-FFF2-40B4-BE49-F238E27FC236}">
                  <a16:creationId xmlns:a16="http://schemas.microsoft.com/office/drawing/2014/main" id="{5D08CA0A-0775-2673-C687-B2553655830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069455" y="4428933"/>
              <a:ext cx="450274" cy="450274"/>
            </a:xfrm>
            <a:prstGeom prst="rect">
              <a:avLst/>
            </a:prstGeom>
          </p:spPr>
        </p:pic>
        <p:pic>
          <p:nvPicPr>
            <p:cNvPr id="416" name="Graphic 208" descr="Woman with solid fill">
              <a:extLst>
                <a:ext uri="{FF2B5EF4-FFF2-40B4-BE49-F238E27FC236}">
                  <a16:creationId xmlns:a16="http://schemas.microsoft.com/office/drawing/2014/main" id="{FD10D631-22D2-CFCC-07C3-74196E50D31D}"/>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906504" y="4891492"/>
              <a:ext cx="450274" cy="450274"/>
            </a:xfrm>
            <a:prstGeom prst="rect">
              <a:avLst/>
            </a:prstGeom>
          </p:spPr>
        </p:pic>
        <p:pic>
          <p:nvPicPr>
            <p:cNvPr id="417" name="Graphic 210" descr="Woman with solid fill">
              <a:extLst>
                <a:ext uri="{FF2B5EF4-FFF2-40B4-BE49-F238E27FC236}">
                  <a16:creationId xmlns:a16="http://schemas.microsoft.com/office/drawing/2014/main" id="{E758A0F5-AEAF-4391-D06A-4E84A1F34AB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906504" y="3966370"/>
              <a:ext cx="450274" cy="450274"/>
            </a:xfrm>
            <a:prstGeom prst="rect">
              <a:avLst/>
            </a:prstGeom>
          </p:spPr>
        </p:pic>
        <p:pic>
          <p:nvPicPr>
            <p:cNvPr id="418" name="Graphic 211" descr="Woman with solid fill">
              <a:extLst>
                <a:ext uri="{FF2B5EF4-FFF2-40B4-BE49-F238E27FC236}">
                  <a16:creationId xmlns:a16="http://schemas.microsoft.com/office/drawing/2014/main" id="{3B65E782-E9A9-71B1-1844-19B0DF83061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906504" y="3503809"/>
              <a:ext cx="450274" cy="450274"/>
            </a:xfrm>
            <a:prstGeom prst="rect">
              <a:avLst/>
            </a:prstGeom>
          </p:spPr>
        </p:pic>
        <p:pic>
          <p:nvPicPr>
            <p:cNvPr id="419" name="Graphic 217" descr="Woman with solid fill">
              <a:extLst>
                <a:ext uri="{FF2B5EF4-FFF2-40B4-BE49-F238E27FC236}">
                  <a16:creationId xmlns:a16="http://schemas.microsoft.com/office/drawing/2014/main" id="{11070FD0-8BED-BBC4-25F8-1E3FC3CFB6C2}"/>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906504" y="4428931"/>
              <a:ext cx="450274" cy="450274"/>
            </a:xfrm>
            <a:prstGeom prst="rect">
              <a:avLst/>
            </a:prstGeom>
          </p:spPr>
        </p:pic>
        <p:pic>
          <p:nvPicPr>
            <p:cNvPr id="420" name="Graphic 208" descr="Woman with solid fill">
              <a:extLst>
                <a:ext uri="{FF2B5EF4-FFF2-40B4-BE49-F238E27FC236}">
                  <a16:creationId xmlns:a16="http://schemas.microsoft.com/office/drawing/2014/main" id="{56245531-9FDC-749E-4DE0-C86481DD213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420894" y="4891494"/>
              <a:ext cx="450274" cy="450274"/>
            </a:xfrm>
            <a:prstGeom prst="rect">
              <a:avLst/>
            </a:prstGeom>
          </p:spPr>
        </p:pic>
        <p:pic>
          <p:nvPicPr>
            <p:cNvPr id="421" name="Graphic 210" descr="Woman with solid fill">
              <a:extLst>
                <a:ext uri="{FF2B5EF4-FFF2-40B4-BE49-F238E27FC236}">
                  <a16:creationId xmlns:a16="http://schemas.microsoft.com/office/drawing/2014/main" id="{318613C6-474E-E394-9A6A-11DF2421942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420894" y="3503811"/>
              <a:ext cx="450274" cy="450274"/>
            </a:xfrm>
            <a:prstGeom prst="rect">
              <a:avLst/>
            </a:prstGeom>
          </p:spPr>
        </p:pic>
        <p:pic>
          <p:nvPicPr>
            <p:cNvPr id="422" name="Graphic 211" descr="Woman with solid fill">
              <a:extLst>
                <a:ext uri="{FF2B5EF4-FFF2-40B4-BE49-F238E27FC236}">
                  <a16:creationId xmlns:a16="http://schemas.microsoft.com/office/drawing/2014/main" id="{DB93DB3D-2F4D-5484-6EB7-AF0E52AA914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906504" y="5354053"/>
              <a:ext cx="450274" cy="450274"/>
            </a:xfrm>
            <a:prstGeom prst="rect">
              <a:avLst/>
            </a:prstGeom>
          </p:spPr>
        </p:pic>
        <p:pic>
          <p:nvPicPr>
            <p:cNvPr id="423" name="Graphic 217" descr="Woman with solid fill">
              <a:extLst>
                <a:ext uri="{FF2B5EF4-FFF2-40B4-BE49-F238E27FC236}">
                  <a16:creationId xmlns:a16="http://schemas.microsoft.com/office/drawing/2014/main" id="{28FAD655-51CC-26A2-198B-96A2638EA7A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420894" y="3966372"/>
              <a:ext cx="450274" cy="450274"/>
            </a:xfrm>
            <a:prstGeom prst="rect">
              <a:avLst/>
            </a:prstGeom>
          </p:spPr>
        </p:pic>
        <p:pic>
          <p:nvPicPr>
            <p:cNvPr id="424" name="Graphic 208" descr="Woman with solid fill">
              <a:extLst>
                <a:ext uri="{FF2B5EF4-FFF2-40B4-BE49-F238E27FC236}">
                  <a16:creationId xmlns:a16="http://schemas.microsoft.com/office/drawing/2014/main" id="{37803598-420B-3784-5368-3164FF34EB9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420894" y="5354054"/>
              <a:ext cx="450274" cy="450274"/>
            </a:xfrm>
            <a:prstGeom prst="rect">
              <a:avLst/>
            </a:prstGeom>
          </p:spPr>
        </p:pic>
        <p:pic>
          <p:nvPicPr>
            <p:cNvPr id="425" name="Graphic 217" descr="Woman with solid fill">
              <a:extLst>
                <a:ext uri="{FF2B5EF4-FFF2-40B4-BE49-F238E27FC236}">
                  <a16:creationId xmlns:a16="http://schemas.microsoft.com/office/drawing/2014/main" id="{A2C8A6A0-27C9-CA05-9113-AC13516ECE6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420894" y="4428933"/>
              <a:ext cx="450274" cy="450274"/>
            </a:xfrm>
            <a:prstGeom prst="rect">
              <a:avLst/>
            </a:prstGeom>
          </p:spPr>
        </p:pic>
        <p:pic>
          <p:nvPicPr>
            <p:cNvPr id="426" name="Graphic 208" descr="Woman with solid fill">
              <a:extLst>
                <a:ext uri="{FF2B5EF4-FFF2-40B4-BE49-F238E27FC236}">
                  <a16:creationId xmlns:a16="http://schemas.microsoft.com/office/drawing/2014/main" id="{5A5F0CA8-79C7-EAF7-376B-D0C0CB0B082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257943" y="4891492"/>
              <a:ext cx="450274" cy="450274"/>
            </a:xfrm>
            <a:prstGeom prst="rect">
              <a:avLst/>
            </a:prstGeom>
          </p:spPr>
        </p:pic>
        <p:pic>
          <p:nvPicPr>
            <p:cNvPr id="427" name="Graphic 210" descr="Woman with solid fill">
              <a:extLst>
                <a:ext uri="{FF2B5EF4-FFF2-40B4-BE49-F238E27FC236}">
                  <a16:creationId xmlns:a16="http://schemas.microsoft.com/office/drawing/2014/main" id="{11FC127A-813E-6031-BB9D-B6D6BC99676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257943" y="3966370"/>
              <a:ext cx="450274" cy="450274"/>
            </a:xfrm>
            <a:prstGeom prst="rect">
              <a:avLst/>
            </a:prstGeom>
          </p:spPr>
        </p:pic>
        <p:pic>
          <p:nvPicPr>
            <p:cNvPr id="428" name="Graphic 211" descr="Woman with solid fill">
              <a:extLst>
                <a:ext uri="{FF2B5EF4-FFF2-40B4-BE49-F238E27FC236}">
                  <a16:creationId xmlns:a16="http://schemas.microsoft.com/office/drawing/2014/main" id="{9671F5D3-9B33-CD34-CA4E-1D8BA290527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257943" y="3503809"/>
              <a:ext cx="450274" cy="450274"/>
            </a:xfrm>
            <a:prstGeom prst="rect">
              <a:avLst/>
            </a:prstGeom>
          </p:spPr>
        </p:pic>
        <p:pic>
          <p:nvPicPr>
            <p:cNvPr id="429" name="Graphic 217" descr="Woman with solid fill">
              <a:extLst>
                <a:ext uri="{FF2B5EF4-FFF2-40B4-BE49-F238E27FC236}">
                  <a16:creationId xmlns:a16="http://schemas.microsoft.com/office/drawing/2014/main" id="{3DE5F478-F9B3-B2D0-AEEA-C819E53213C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257943" y="4428931"/>
              <a:ext cx="450274" cy="450274"/>
            </a:xfrm>
            <a:prstGeom prst="rect">
              <a:avLst/>
            </a:prstGeom>
          </p:spPr>
        </p:pic>
        <p:pic>
          <p:nvPicPr>
            <p:cNvPr id="430" name="Graphic 208" descr="Woman with solid fill">
              <a:extLst>
                <a:ext uri="{FF2B5EF4-FFF2-40B4-BE49-F238E27FC236}">
                  <a16:creationId xmlns:a16="http://schemas.microsoft.com/office/drawing/2014/main" id="{4206DB4A-A0D5-B3C4-DFDF-3A14EF5F90C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772333" y="4891494"/>
              <a:ext cx="450274" cy="450274"/>
            </a:xfrm>
            <a:prstGeom prst="rect">
              <a:avLst/>
            </a:prstGeom>
          </p:spPr>
        </p:pic>
        <p:pic>
          <p:nvPicPr>
            <p:cNvPr id="431" name="Graphic 210" descr="Woman with solid fill">
              <a:extLst>
                <a:ext uri="{FF2B5EF4-FFF2-40B4-BE49-F238E27FC236}">
                  <a16:creationId xmlns:a16="http://schemas.microsoft.com/office/drawing/2014/main" id="{45365232-B658-A603-C1FD-DDCA25C6584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772333" y="3503811"/>
              <a:ext cx="450274" cy="450274"/>
            </a:xfrm>
            <a:prstGeom prst="rect">
              <a:avLst/>
            </a:prstGeom>
          </p:spPr>
        </p:pic>
        <p:pic>
          <p:nvPicPr>
            <p:cNvPr id="432" name="Graphic 211" descr="Woman with solid fill">
              <a:extLst>
                <a:ext uri="{FF2B5EF4-FFF2-40B4-BE49-F238E27FC236}">
                  <a16:creationId xmlns:a16="http://schemas.microsoft.com/office/drawing/2014/main" id="{0660B3AD-4D31-8A7A-0263-CF18A24E682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257943" y="5354053"/>
              <a:ext cx="450274" cy="450274"/>
            </a:xfrm>
            <a:prstGeom prst="rect">
              <a:avLst/>
            </a:prstGeom>
          </p:spPr>
        </p:pic>
        <p:pic>
          <p:nvPicPr>
            <p:cNvPr id="433" name="Graphic 217" descr="Woman with solid fill">
              <a:extLst>
                <a:ext uri="{FF2B5EF4-FFF2-40B4-BE49-F238E27FC236}">
                  <a16:creationId xmlns:a16="http://schemas.microsoft.com/office/drawing/2014/main" id="{FAA41FCF-B3CE-EAA2-1EB3-252B576DAA5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772333" y="3966371"/>
              <a:ext cx="450274" cy="450274"/>
            </a:xfrm>
            <a:prstGeom prst="rect">
              <a:avLst/>
            </a:prstGeom>
          </p:spPr>
        </p:pic>
        <p:pic>
          <p:nvPicPr>
            <p:cNvPr id="434" name="Graphic 208" descr="Woman with solid fill">
              <a:extLst>
                <a:ext uri="{FF2B5EF4-FFF2-40B4-BE49-F238E27FC236}">
                  <a16:creationId xmlns:a16="http://schemas.microsoft.com/office/drawing/2014/main" id="{3C85FD75-22B4-0825-4744-DBD1A4ED723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772333" y="5354053"/>
              <a:ext cx="450274" cy="450274"/>
            </a:xfrm>
            <a:prstGeom prst="rect">
              <a:avLst/>
            </a:prstGeom>
          </p:spPr>
        </p:pic>
        <p:pic>
          <p:nvPicPr>
            <p:cNvPr id="435" name="Graphic 217" descr="Woman with solid fill">
              <a:extLst>
                <a:ext uri="{FF2B5EF4-FFF2-40B4-BE49-F238E27FC236}">
                  <a16:creationId xmlns:a16="http://schemas.microsoft.com/office/drawing/2014/main" id="{A75A7B80-605F-3D80-E9C9-CD7A89BD9A2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772333" y="4428933"/>
              <a:ext cx="450274" cy="450274"/>
            </a:xfrm>
            <a:prstGeom prst="rect">
              <a:avLst/>
            </a:prstGeom>
          </p:spPr>
        </p:pic>
        <p:pic>
          <p:nvPicPr>
            <p:cNvPr id="436" name="Graphic 208" descr="Woman with solid fill">
              <a:extLst>
                <a:ext uri="{FF2B5EF4-FFF2-40B4-BE49-F238E27FC236}">
                  <a16:creationId xmlns:a16="http://schemas.microsoft.com/office/drawing/2014/main" id="{01FF738A-E40B-A8BA-B55E-A91D2542960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609386" y="4891492"/>
              <a:ext cx="450274" cy="450274"/>
            </a:xfrm>
            <a:prstGeom prst="rect">
              <a:avLst/>
            </a:prstGeom>
          </p:spPr>
        </p:pic>
        <p:pic>
          <p:nvPicPr>
            <p:cNvPr id="437" name="Graphic 210" descr="Woman with solid fill">
              <a:extLst>
                <a:ext uri="{FF2B5EF4-FFF2-40B4-BE49-F238E27FC236}">
                  <a16:creationId xmlns:a16="http://schemas.microsoft.com/office/drawing/2014/main" id="{BC724AEA-BD8B-C014-5D0B-A7561FB9B23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609386" y="3966370"/>
              <a:ext cx="450274" cy="450274"/>
            </a:xfrm>
            <a:prstGeom prst="rect">
              <a:avLst/>
            </a:prstGeom>
          </p:spPr>
        </p:pic>
        <p:pic>
          <p:nvPicPr>
            <p:cNvPr id="438" name="Graphic 211" descr="Woman with solid fill">
              <a:extLst>
                <a:ext uri="{FF2B5EF4-FFF2-40B4-BE49-F238E27FC236}">
                  <a16:creationId xmlns:a16="http://schemas.microsoft.com/office/drawing/2014/main" id="{615B5C35-DC75-8CC4-7B46-E8209E8C3DD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609386" y="3503809"/>
              <a:ext cx="450274" cy="450274"/>
            </a:xfrm>
            <a:prstGeom prst="rect">
              <a:avLst/>
            </a:prstGeom>
          </p:spPr>
        </p:pic>
        <p:pic>
          <p:nvPicPr>
            <p:cNvPr id="439" name="Graphic 217" descr="Woman with solid fill">
              <a:extLst>
                <a:ext uri="{FF2B5EF4-FFF2-40B4-BE49-F238E27FC236}">
                  <a16:creationId xmlns:a16="http://schemas.microsoft.com/office/drawing/2014/main" id="{6A44F140-2C5E-EB28-923A-E0144E15C16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609386" y="4428931"/>
              <a:ext cx="450274" cy="450274"/>
            </a:xfrm>
            <a:prstGeom prst="rect">
              <a:avLst/>
            </a:prstGeom>
          </p:spPr>
        </p:pic>
        <p:pic>
          <p:nvPicPr>
            <p:cNvPr id="440" name="Graphic 208" descr="Woman with solid fill">
              <a:extLst>
                <a:ext uri="{FF2B5EF4-FFF2-40B4-BE49-F238E27FC236}">
                  <a16:creationId xmlns:a16="http://schemas.microsoft.com/office/drawing/2014/main" id="{A566E250-F6CB-2CE2-FD02-6E108753E0F6}"/>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123776" y="4891494"/>
              <a:ext cx="450274" cy="450274"/>
            </a:xfrm>
            <a:prstGeom prst="rect">
              <a:avLst/>
            </a:prstGeom>
          </p:spPr>
        </p:pic>
        <p:pic>
          <p:nvPicPr>
            <p:cNvPr id="441" name="Graphic 210" descr="Woman with solid fill">
              <a:extLst>
                <a:ext uri="{FF2B5EF4-FFF2-40B4-BE49-F238E27FC236}">
                  <a16:creationId xmlns:a16="http://schemas.microsoft.com/office/drawing/2014/main" id="{36C65586-2F08-3F0E-0CE3-5F0978B2C7EC}"/>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9123776" y="3503811"/>
              <a:ext cx="450274" cy="450274"/>
            </a:xfrm>
            <a:prstGeom prst="rect">
              <a:avLst/>
            </a:prstGeom>
          </p:spPr>
        </p:pic>
        <p:pic>
          <p:nvPicPr>
            <p:cNvPr id="442" name="Graphic 211" descr="Woman with solid fill">
              <a:extLst>
                <a:ext uri="{FF2B5EF4-FFF2-40B4-BE49-F238E27FC236}">
                  <a16:creationId xmlns:a16="http://schemas.microsoft.com/office/drawing/2014/main" id="{5B8B498A-02B3-63E6-09C1-BC993D867E24}"/>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609386" y="5354053"/>
              <a:ext cx="450274" cy="450274"/>
            </a:xfrm>
            <a:prstGeom prst="rect">
              <a:avLst/>
            </a:prstGeom>
          </p:spPr>
        </p:pic>
        <p:pic>
          <p:nvPicPr>
            <p:cNvPr id="443" name="Graphic 217" descr="Woman with solid fill">
              <a:extLst>
                <a:ext uri="{FF2B5EF4-FFF2-40B4-BE49-F238E27FC236}">
                  <a16:creationId xmlns:a16="http://schemas.microsoft.com/office/drawing/2014/main" id="{18DBCCDD-BDD9-E3AE-FBCA-8960B9C1463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9123776" y="3966372"/>
              <a:ext cx="450274" cy="450274"/>
            </a:xfrm>
            <a:prstGeom prst="rect">
              <a:avLst/>
            </a:prstGeom>
          </p:spPr>
        </p:pic>
        <p:pic>
          <p:nvPicPr>
            <p:cNvPr id="444" name="Graphic 208" descr="Woman with solid fill">
              <a:extLst>
                <a:ext uri="{FF2B5EF4-FFF2-40B4-BE49-F238E27FC236}">
                  <a16:creationId xmlns:a16="http://schemas.microsoft.com/office/drawing/2014/main" id="{4E131550-B5B7-C4F6-4532-8094C3E10C4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123776" y="5354054"/>
              <a:ext cx="450274" cy="450274"/>
            </a:xfrm>
            <a:prstGeom prst="rect">
              <a:avLst/>
            </a:prstGeom>
          </p:spPr>
        </p:pic>
        <p:pic>
          <p:nvPicPr>
            <p:cNvPr id="445" name="Graphic 217" descr="Woman with solid fill">
              <a:extLst>
                <a:ext uri="{FF2B5EF4-FFF2-40B4-BE49-F238E27FC236}">
                  <a16:creationId xmlns:a16="http://schemas.microsoft.com/office/drawing/2014/main" id="{C0063668-EF6E-4A4E-A487-53180856BEA6}"/>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123776" y="4428933"/>
              <a:ext cx="450274" cy="450274"/>
            </a:xfrm>
            <a:prstGeom prst="rect">
              <a:avLst/>
            </a:prstGeom>
          </p:spPr>
        </p:pic>
      </p:grpSp>
    </p:spTree>
    <p:extLst>
      <p:ext uri="{BB962C8B-B14F-4D97-AF65-F5344CB8AC3E}">
        <p14:creationId xmlns:p14="http://schemas.microsoft.com/office/powerpoint/2010/main" val="224843271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1D01227-07FF-2F90-442F-F622D15EC1C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BECBEFD-A506-33E2-E45F-60E147945D7B}"/>
              </a:ext>
            </a:extLst>
          </p:cNvPr>
          <p:cNvSpPr>
            <a:spLocks noGrp="1"/>
          </p:cNvSpPr>
          <p:nvPr>
            <p:ph type="title"/>
          </p:nvPr>
        </p:nvSpPr>
        <p:spPr/>
        <p:txBody>
          <a:bodyPr/>
          <a:lstStyle/>
          <a:p>
            <a:r>
              <a:rPr lang="da-DK" dirty="0"/>
              <a:t>Der er både mænd og kvinder med familiemæssige relationer</a:t>
            </a:r>
          </a:p>
        </p:txBody>
      </p:sp>
      <p:graphicFrame>
        <p:nvGraphicFramePr>
          <p:cNvPr id="7" name="Content Placeholder 6">
            <a:extLst>
              <a:ext uri="{FF2B5EF4-FFF2-40B4-BE49-F238E27FC236}">
                <a16:creationId xmlns:a16="http://schemas.microsoft.com/office/drawing/2014/main" id="{2FADCCE6-C47A-E4F6-B8CF-7D107A03FADB}"/>
              </a:ext>
            </a:extLst>
          </p:cNvPr>
          <p:cNvGraphicFramePr>
            <a:graphicFrameLocks noGrp="1"/>
          </p:cNvGraphicFramePr>
          <p:nvPr>
            <p:ph idx="1"/>
          </p:nvPr>
        </p:nvGraphicFramePr>
        <p:xfrm>
          <a:off x="647700" y="1944688"/>
          <a:ext cx="10898188" cy="4006850"/>
        </p:xfrm>
        <a:graphic>
          <a:graphicData uri="http://schemas.openxmlformats.org/drawingml/2006/chart">
            <c:chart xmlns:c="http://schemas.openxmlformats.org/drawingml/2006/chart" xmlns:r="http://schemas.openxmlformats.org/officeDocument/2006/relationships" r:id="rId3"/>
          </a:graphicData>
        </a:graphic>
      </p:graphicFrame>
      <p:sp>
        <p:nvSpPr>
          <p:cNvPr id="4" name="Text Placeholder 3">
            <a:extLst>
              <a:ext uri="{FF2B5EF4-FFF2-40B4-BE49-F238E27FC236}">
                <a16:creationId xmlns:a16="http://schemas.microsoft.com/office/drawing/2014/main" id="{87B50433-7E28-548B-2174-B623EB47FEAE}"/>
              </a:ext>
            </a:extLst>
          </p:cNvPr>
          <p:cNvSpPr>
            <a:spLocks noGrp="1"/>
          </p:cNvSpPr>
          <p:nvPr>
            <p:ph type="body" sz="quarter" idx="17"/>
          </p:nvPr>
        </p:nvSpPr>
        <p:spPr/>
        <p:txBody>
          <a:bodyPr/>
          <a:lstStyle/>
          <a:p>
            <a:r>
              <a:rPr lang="da-DK" dirty="0"/>
              <a:t>Kilde: Survey blandt medlemmerne af DI Byggeri (2025), N=228</a:t>
            </a:r>
          </a:p>
        </p:txBody>
      </p:sp>
    </p:spTree>
    <p:extLst>
      <p:ext uri="{BB962C8B-B14F-4D97-AF65-F5344CB8AC3E}">
        <p14:creationId xmlns:p14="http://schemas.microsoft.com/office/powerpoint/2010/main" val="123251395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10" descr="A person with blonde hair&#10;&#10;Description automatically generated">
            <a:extLst>
              <a:ext uri="{FF2B5EF4-FFF2-40B4-BE49-F238E27FC236}">
                <a16:creationId xmlns:a16="http://schemas.microsoft.com/office/drawing/2014/main" id="{FCBF94CB-E411-0E48-5146-9F6FDB420DE2}"/>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0" y="-990220"/>
            <a:ext cx="13952389" cy="7848219"/>
          </a:xfrm>
          <a:prstGeom prst="rect">
            <a:avLst/>
          </a:prstGeom>
        </p:spPr>
      </p:pic>
      <p:sp>
        <p:nvSpPr>
          <p:cNvPr id="5" name="Kombinationstegning: figur 25">
            <a:extLst>
              <a:ext uri="{FF2B5EF4-FFF2-40B4-BE49-F238E27FC236}">
                <a16:creationId xmlns:a16="http://schemas.microsoft.com/office/drawing/2014/main" id="{B2B57D34-2C45-3218-117D-5F90DBBC7001}"/>
              </a:ext>
            </a:extLst>
          </p:cNvPr>
          <p:cNvSpPr/>
          <p:nvPr/>
        </p:nvSpPr>
        <p:spPr>
          <a:xfrm>
            <a:off x="5766391" y="3146323"/>
            <a:ext cx="2529308" cy="3711677"/>
          </a:xfrm>
          <a:custGeom>
            <a:avLst/>
            <a:gdLst>
              <a:gd name="connsiteX0" fmla="*/ 354096 w 2658979"/>
              <a:gd name="connsiteY0" fmla="*/ 0 h 3176336"/>
              <a:gd name="connsiteX1" fmla="*/ 2304883 w 2658979"/>
              <a:gd name="connsiteY1" fmla="*/ 0 h 3176336"/>
              <a:gd name="connsiteX2" fmla="*/ 2658979 w 2658979"/>
              <a:gd name="connsiteY2" fmla="*/ 354096 h 3176336"/>
              <a:gd name="connsiteX3" fmla="*/ 2658979 w 2658979"/>
              <a:gd name="connsiteY3" fmla="*/ 2349484 h 3176336"/>
              <a:gd name="connsiteX4" fmla="*/ 2658979 w 2658979"/>
              <a:gd name="connsiteY4" fmla="*/ 2822240 h 3176336"/>
              <a:gd name="connsiteX5" fmla="*/ 2658979 w 2658979"/>
              <a:gd name="connsiteY5" fmla="*/ 3176336 h 3176336"/>
              <a:gd name="connsiteX6" fmla="*/ 2304883 w 2658979"/>
              <a:gd name="connsiteY6" fmla="*/ 3176336 h 3176336"/>
              <a:gd name="connsiteX7" fmla="*/ 1851584 w 2658979"/>
              <a:gd name="connsiteY7" fmla="*/ 3176336 h 3176336"/>
              <a:gd name="connsiteX8" fmla="*/ 807395 w 2658979"/>
              <a:gd name="connsiteY8" fmla="*/ 3176336 h 3176336"/>
              <a:gd name="connsiteX9" fmla="*/ 354096 w 2658979"/>
              <a:gd name="connsiteY9" fmla="*/ 3176336 h 3176336"/>
              <a:gd name="connsiteX10" fmla="*/ 0 w 2658979"/>
              <a:gd name="connsiteY10" fmla="*/ 3176336 h 3176336"/>
              <a:gd name="connsiteX11" fmla="*/ 0 w 2658979"/>
              <a:gd name="connsiteY11" fmla="*/ 2822240 h 3176336"/>
              <a:gd name="connsiteX12" fmla="*/ 0 w 2658979"/>
              <a:gd name="connsiteY12" fmla="*/ 2349484 h 3176336"/>
              <a:gd name="connsiteX13" fmla="*/ 0 w 2658979"/>
              <a:gd name="connsiteY13" fmla="*/ 354096 h 3176336"/>
              <a:gd name="connsiteX14" fmla="*/ 354096 w 2658979"/>
              <a:gd name="connsiteY14" fmla="*/ 0 h 3176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658979" h="3176336">
                <a:moveTo>
                  <a:pt x="354096" y="0"/>
                </a:moveTo>
                <a:lnTo>
                  <a:pt x="2304883" y="0"/>
                </a:lnTo>
                <a:cubicBezTo>
                  <a:pt x="2500445" y="0"/>
                  <a:pt x="2658979" y="158534"/>
                  <a:pt x="2658979" y="354096"/>
                </a:cubicBezTo>
                <a:lnTo>
                  <a:pt x="2658979" y="2349484"/>
                </a:lnTo>
                <a:lnTo>
                  <a:pt x="2658979" y="2822240"/>
                </a:lnTo>
                <a:lnTo>
                  <a:pt x="2658979" y="3176336"/>
                </a:lnTo>
                <a:lnTo>
                  <a:pt x="2304883" y="3176336"/>
                </a:lnTo>
                <a:lnTo>
                  <a:pt x="1851584" y="3176336"/>
                </a:lnTo>
                <a:lnTo>
                  <a:pt x="807395" y="3176336"/>
                </a:lnTo>
                <a:lnTo>
                  <a:pt x="354096" y="3176336"/>
                </a:lnTo>
                <a:lnTo>
                  <a:pt x="0" y="3176336"/>
                </a:lnTo>
                <a:lnTo>
                  <a:pt x="0" y="2822240"/>
                </a:lnTo>
                <a:lnTo>
                  <a:pt x="0" y="2349484"/>
                </a:lnTo>
                <a:lnTo>
                  <a:pt x="0" y="354096"/>
                </a:lnTo>
                <a:cubicBezTo>
                  <a:pt x="0" y="158534"/>
                  <a:pt x="158534" y="0"/>
                  <a:pt x="354096" y="0"/>
                </a:cubicBezTo>
                <a:close/>
              </a:path>
            </a:pathLst>
          </a:custGeom>
          <a:solidFill>
            <a:srgbClr val="514FA0"/>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259200" tIns="1656000" rIns="259200" bIns="216000" rtlCol="0" anchor="t" anchorCtr="0">
            <a:noAutofit/>
          </a:bodyPr>
          <a:lstStyle/>
          <a:p>
            <a:r>
              <a:rPr lang="da-DK" sz="1200" b="1" noProof="0" dirty="0">
                <a:solidFill>
                  <a:schemeClr val="bg1"/>
                </a:solidFill>
              </a:rPr>
              <a:t>Vi har en inkluderende tilgang til minoriteters perspektiver</a:t>
            </a:r>
          </a:p>
          <a:p>
            <a:endParaRPr lang="da-DK" sz="500" b="1" dirty="0">
              <a:solidFill>
                <a:schemeClr val="bg1"/>
              </a:solidFill>
            </a:endParaRPr>
          </a:p>
          <a:p>
            <a:r>
              <a:rPr lang="da-DK" sz="1050" noProof="0" dirty="0">
                <a:solidFill>
                  <a:schemeClr val="bg1"/>
                </a:solidFill>
              </a:rPr>
              <a:t>Det kræver mod at sige sin mening og inddrage sine perspektiver som minoritet på en arbejdsplads. Ledere skal anerkende det følelsesmæssige aspekt, der ligger i at være en del af en minoritet, og skal bifalde de bidrag, som forskellige synspunkter kan give til virksomheden </a:t>
            </a:r>
          </a:p>
        </p:txBody>
      </p:sp>
      <p:sp>
        <p:nvSpPr>
          <p:cNvPr id="6" name="Tekstfelt 10">
            <a:extLst>
              <a:ext uri="{FF2B5EF4-FFF2-40B4-BE49-F238E27FC236}">
                <a16:creationId xmlns:a16="http://schemas.microsoft.com/office/drawing/2014/main" id="{0CAE75F3-12C9-32A0-6FF5-650690B9756F}"/>
              </a:ext>
            </a:extLst>
          </p:cNvPr>
          <p:cNvSpPr txBox="1"/>
          <p:nvPr/>
        </p:nvSpPr>
        <p:spPr>
          <a:xfrm>
            <a:off x="5765790" y="3313359"/>
            <a:ext cx="1859100" cy="1477328"/>
          </a:xfrm>
          <a:prstGeom prst="rect">
            <a:avLst/>
          </a:prstGeom>
          <a:noFill/>
        </p:spPr>
        <p:txBody>
          <a:bodyPr wrap="square" lIns="208800" tIns="0" rIns="0" bIns="0" rtlCol="0">
            <a:spAutoFit/>
          </a:bodyPr>
          <a:lstStyle/>
          <a:p>
            <a:r>
              <a:rPr lang="da-DK" sz="9600" dirty="0">
                <a:solidFill>
                  <a:schemeClr val="bg1"/>
                </a:solidFill>
                <a:latin typeface="DI Numbers Office" pitchFamily="2" charset="0"/>
              </a:rPr>
              <a:t>15</a:t>
            </a:r>
            <a:endParaRPr lang="da-DK" sz="11000" dirty="0">
              <a:solidFill>
                <a:schemeClr val="bg1"/>
              </a:solidFill>
              <a:latin typeface="DI Numbers Office" pitchFamily="2" charset="0"/>
            </a:endParaRPr>
          </a:p>
        </p:txBody>
      </p:sp>
      <p:sp>
        <p:nvSpPr>
          <p:cNvPr id="8" name="Kombinationstegning: figur 23">
            <a:extLst>
              <a:ext uri="{FF2B5EF4-FFF2-40B4-BE49-F238E27FC236}">
                <a16:creationId xmlns:a16="http://schemas.microsoft.com/office/drawing/2014/main" id="{0309AB66-78D2-4152-C338-7E240989B081}"/>
              </a:ext>
            </a:extLst>
          </p:cNvPr>
          <p:cNvSpPr/>
          <p:nvPr/>
        </p:nvSpPr>
        <p:spPr>
          <a:xfrm>
            <a:off x="3041511" y="3146322"/>
            <a:ext cx="2529307" cy="3711677"/>
          </a:xfrm>
          <a:custGeom>
            <a:avLst/>
            <a:gdLst>
              <a:gd name="connsiteX0" fmla="*/ 354096 w 2658979"/>
              <a:gd name="connsiteY0" fmla="*/ 0 h 3176336"/>
              <a:gd name="connsiteX1" fmla="*/ 2304883 w 2658979"/>
              <a:gd name="connsiteY1" fmla="*/ 0 h 3176336"/>
              <a:gd name="connsiteX2" fmla="*/ 2658979 w 2658979"/>
              <a:gd name="connsiteY2" fmla="*/ 354096 h 3176336"/>
              <a:gd name="connsiteX3" fmla="*/ 2658979 w 2658979"/>
              <a:gd name="connsiteY3" fmla="*/ 2349484 h 3176336"/>
              <a:gd name="connsiteX4" fmla="*/ 2658979 w 2658979"/>
              <a:gd name="connsiteY4" fmla="*/ 2822240 h 3176336"/>
              <a:gd name="connsiteX5" fmla="*/ 2658979 w 2658979"/>
              <a:gd name="connsiteY5" fmla="*/ 3176336 h 3176336"/>
              <a:gd name="connsiteX6" fmla="*/ 2304883 w 2658979"/>
              <a:gd name="connsiteY6" fmla="*/ 3176336 h 3176336"/>
              <a:gd name="connsiteX7" fmla="*/ 1851584 w 2658979"/>
              <a:gd name="connsiteY7" fmla="*/ 3176336 h 3176336"/>
              <a:gd name="connsiteX8" fmla="*/ 807395 w 2658979"/>
              <a:gd name="connsiteY8" fmla="*/ 3176336 h 3176336"/>
              <a:gd name="connsiteX9" fmla="*/ 354096 w 2658979"/>
              <a:gd name="connsiteY9" fmla="*/ 3176336 h 3176336"/>
              <a:gd name="connsiteX10" fmla="*/ 0 w 2658979"/>
              <a:gd name="connsiteY10" fmla="*/ 3176336 h 3176336"/>
              <a:gd name="connsiteX11" fmla="*/ 0 w 2658979"/>
              <a:gd name="connsiteY11" fmla="*/ 2822240 h 3176336"/>
              <a:gd name="connsiteX12" fmla="*/ 0 w 2658979"/>
              <a:gd name="connsiteY12" fmla="*/ 2349484 h 3176336"/>
              <a:gd name="connsiteX13" fmla="*/ 0 w 2658979"/>
              <a:gd name="connsiteY13" fmla="*/ 354096 h 3176336"/>
              <a:gd name="connsiteX14" fmla="*/ 354096 w 2658979"/>
              <a:gd name="connsiteY14" fmla="*/ 0 h 3176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658979" h="3176336">
                <a:moveTo>
                  <a:pt x="354096" y="0"/>
                </a:moveTo>
                <a:lnTo>
                  <a:pt x="2304883" y="0"/>
                </a:lnTo>
                <a:cubicBezTo>
                  <a:pt x="2500445" y="0"/>
                  <a:pt x="2658979" y="158534"/>
                  <a:pt x="2658979" y="354096"/>
                </a:cubicBezTo>
                <a:lnTo>
                  <a:pt x="2658979" y="2349484"/>
                </a:lnTo>
                <a:lnTo>
                  <a:pt x="2658979" y="2822240"/>
                </a:lnTo>
                <a:lnTo>
                  <a:pt x="2658979" y="3176336"/>
                </a:lnTo>
                <a:lnTo>
                  <a:pt x="2304883" y="3176336"/>
                </a:lnTo>
                <a:lnTo>
                  <a:pt x="1851584" y="3176336"/>
                </a:lnTo>
                <a:lnTo>
                  <a:pt x="807395" y="3176336"/>
                </a:lnTo>
                <a:lnTo>
                  <a:pt x="354096" y="3176336"/>
                </a:lnTo>
                <a:lnTo>
                  <a:pt x="0" y="3176336"/>
                </a:lnTo>
                <a:lnTo>
                  <a:pt x="0" y="2822240"/>
                </a:lnTo>
                <a:lnTo>
                  <a:pt x="0" y="2349484"/>
                </a:lnTo>
                <a:lnTo>
                  <a:pt x="0" y="354096"/>
                </a:lnTo>
                <a:cubicBezTo>
                  <a:pt x="0" y="158534"/>
                  <a:pt x="158534" y="0"/>
                  <a:pt x="354096" y="0"/>
                </a:cubicBezTo>
                <a:close/>
              </a:path>
            </a:pathLst>
          </a:custGeom>
          <a:solidFill>
            <a:srgbClr val="71C7BA"/>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259200" tIns="1656000" rIns="259200" bIns="216000" rtlCol="0" anchor="t" anchorCtr="0">
            <a:noAutofit/>
          </a:bodyPr>
          <a:lstStyle/>
          <a:p>
            <a:r>
              <a:rPr lang="da-DK" sz="1200" b="1" noProof="0" dirty="0">
                <a:solidFill>
                  <a:srgbClr val="284734"/>
                </a:solidFill>
              </a:rPr>
              <a:t>Vi ser diversitet som et konkurrenceparameter</a:t>
            </a:r>
          </a:p>
          <a:p>
            <a:endParaRPr lang="da-DK" sz="500" b="1" dirty="0">
              <a:solidFill>
                <a:srgbClr val="284734"/>
              </a:solidFill>
            </a:endParaRPr>
          </a:p>
          <a:p>
            <a:r>
              <a:rPr lang="da-DK" sz="1050" noProof="0" dirty="0">
                <a:solidFill>
                  <a:srgbClr val="284734"/>
                </a:solidFill>
              </a:rPr>
              <a:t>Arbejdet med diversitet er et konkurrenceparameter og fungerer som katalysator for vores udvikling, succes og vækst, både lokalt og globalt.</a:t>
            </a:r>
          </a:p>
          <a:p>
            <a:endParaRPr lang="da-DK" sz="1200" b="1" dirty="0">
              <a:solidFill>
                <a:srgbClr val="284734"/>
              </a:solidFill>
            </a:endParaRPr>
          </a:p>
          <a:p>
            <a:endParaRPr lang="da-DK" sz="1200" b="1" noProof="0" dirty="0">
              <a:solidFill>
                <a:srgbClr val="284734"/>
              </a:solidFill>
            </a:endParaRPr>
          </a:p>
        </p:txBody>
      </p:sp>
      <p:sp>
        <p:nvSpPr>
          <p:cNvPr id="10" name="Tekstfelt 8">
            <a:extLst>
              <a:ext uri="{FF2B5EF4-FFF2-40B4-BE49-F238E27FC236}">
                <a16:creationId xmlns:a16="http://schemas.microsoft.com/office/drawing/2014/main" id="{A05604B3-6F48-5C3A-B3D8-3632F8174638}"/>
              </a:ext>
            </a:extLst>
          </p:cNvPr>
          <p:cNvSpPr txBox="1"/>
          <p:nvPr/>
        </p:nvSpPr>
        <p:spPr>
          <a:xfrm>
            <a:off x="3040910" y="3313358"/>
            <a:ext cx="1859100" cy="1477328"/>
          </a:xfrm>
          <a:prstGeom prst="rect">
            <a:avLst/>
          </a:prstGeom>
          <a:noFill/>
        </p:spPr>
        <p:txBody>
          <a:bodyPr wrap="square" lIns="208800" tIns="0" rIns="0" bIns="0" rtlCol="0">
            <a:spAutoFit/>
          </a:bodyPr>
          <a:lstStyle/>
          <a:p>
            <a:r>
              <a:rPr lang="da-DK" sz="9600" dirty="0">
                <a:solidFill>
                  <a:srgbClr val="284734"/>
                </a:solidFill>
                <a:latin typeface="DI Numbers Office" pitchFamily="2" charset="0"/>
              </a:rPr>
              <a:t>02</a:t>
            </a:r>
            <a:endParaRPr lang="da-DK" sz="11000" dirty="0">
              <a:solidFill>
                <a:srgbClr val="284734"/>
              </a:solidFill>
              <a:latin typeface="DI Numbers Office" pitchFamily="2" charset="0"/>
            </a:endParaRPr>
          </a:p>
        </p:txBody>
      </p:sp>
      <p:sp>
        <p:nvSpPr>
          <p:cNvPr id="12" name="Kombinationstegning: figur 21">
            <a:extLst>
              <a:ext uri="{FF2B5EF4-FFF2-40B4-BE49-F238E27FC236}">
                <a16:creationId xmlns:a16="http://schemas.microsoft.com/office/drawing/2014/main" id="{543BCE16-A97A-CF11-C0B0-7187934441F8}"/>
              </a:ext>
            </a:extLst>
          </p:cNvPr>
          <p:cNvSpPr/>
          <p:nvPr/>
        </p:nvSpPr>
        <p:spPr>
          <a:xfrm>
            <a:off x="286535" y="3146321"/>
            <a:ext cx="2529308" cy="3711677"/>
          </a:xfrm>
          <a:custGeom>
            <a:avLst/>
            <a:gdLst>
              <a:gd name="connsiteX0" fmla="*/ 354096 w 2658979"/>
              <a:gd name="connsiteY0" fmla="*/ 0 h 3176336"/>
              <a:gd name="connsiteX1" fmla="*/ 2304883 w 2658979"/>
              <a:gd name="connsiteY1" fmla="*/ 0 h 3176336"/>
              <a:gd name="connsiteX2" fmla="*/ 2658979 w 2658979"/>
              <a:gd name="connsiteY2" fmla="*/ 354096 h 3176336"/>
              <a:gd name="connsiteX3" fmla="*/ 2658979 w 2658979"/>
              <a:gd name="connsiteY3" fmla="*/ 2349484 h 3176336"/>
              <a:gd name="connsiteX4" fmla="*/ 2658979 w 2658979"/>
              <a:gd name="connsiteY4" fmla="*/ 2822240 h 3176336"/>
              <a:gd name="connsiteX5" fmla="*/ 2658979 w 2658979"/>
              <a:gd name="connsiteY5" fmla="*/ 3176336 h 3176336"/>
              <a:gd name="connsiteX6" fmla="*/ 2304883 w 2658979"/>
              <a:gd name="connsiteY6" fmla="*/ 3176336 h 3176336"/>
              <a:gd name="connsiteX7" fmla="*/ 1851584 w 2658979"/>
              <a:gd name="connsiteY7" fmla="*/ 3176336 h 3176336"/>
              <a:gd name="connsiteX8" fmla="*/ 807395 w 2658979"/>
              <a:gd name="connsiteY8" fmla="*/ 3176336 h 3176336"/>
              <a:gd name="connsiteX9" fmla="*/ 354096 w 2658979"/>
              <a:gd name="connsiteY9" fmla="*/ 3176336 h 3176336"/>
              <a:gd name="connsiteX10" fmla="*/ 0 w 2658979"/>
              <a:gd name="connsiteY10" fmla="*/ 3176336 h 3176336"/>
              <a:gd name="connsiteX11" fmla="*/ 0 w 2658979"/>
              <a:gd name="connsiteY11" fmla="*/ 2822240 h 3176336"/>
              <a:gd name="connsiteX12" fmla="*/ 0 w 2658979"/>
              <a:gd name="connsiteY12" fmla="*/ 2349484 h 3176336"/>
              <a:gd name="connsiteX13" fmla="*/ 0 w 2658979"/>
              <a:gd name="connsiteY13" fmla="*/ 354096 h 3176336"/>
              <a:gd name="connsiteX14" fmla="*/ 354096 w 2658979"/>
              <a:gd name="connsiteY14" fmla="*/ 0 h 3176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658979" h="3176336">
                <a:moveTo>
                  <a:pt x="354096" y="0"/>
                </a:moveTo>
                <a:lnTo>
                  <a:pt x="2304883" y="0"/>
                </a:lnTo>
                <a:cubicBezTo>
                  <a:pt x="2500445" y="0"/>
                  <a:pt x="2658979" y="158534"/>
                  <a:pt x="2658979" y="354096"/>
                </a:cubicBezTo>
                <a:lnTo>
                  <a:pt x="2658979" y="2349484"/>
                </a:lnTo>
                <a:lnTo>
                  <a:pt x="2658979" y="2822240"/>
                </a:lnTo>
                <a:lnTo>
                  <a:pt x="2658979" y="3176336"/>
                </a:lnTo>
                <a:lnTo>
                  <a:pt x="2304883" y="3176336"/>
                </a:lnTo>
                <a:lnTo>
                  <a:pt x="1851584" y="3176336"/>
                </a:lnTo>
                <a:lnTo>
                  <a:pt x="807395" y="3176336"/>
                </a:lnTo>
                <a:lnTo>
                  <a:pt x="354096" y="3176336"/>
                </a:lnTo>
                <a:lnTo>
                  <a:pt x="0" y="3176336"/>
                </a:lnTo>
                <a:lnTo>
                  <a:pt x="0" y="2822240"/>
                </a:lnTo>
                <a:lnTo>
                  <a:pt x="0" y="2349484"/>
                </a:lnTo>
                <a:lnTo>
                  <a:pt x="0" y="354096"/>
                </a:lnTo>
                <a:cubicBezTo>
                  <a:pt x="0" y="158534"/>
                  <a:pt x="158534" y="0"/>
                  <a:pt x="354096" y="0"/>
                </a:cubicBezTo>
                <a:close/>
              </a:path>
            </a:pathLst>
          </a:custGeom>
          <a:solidFill>
            <a:srgbClr val="FFD731"/>
          </a:solidFill>
          <a:ln w="15875">
            <a:solidFill>
              <a:srgbClr val="FFD731"/>
            </a:solidFill>
          </a:ln>
        </p:spPr>
        <p:style>
          <a:lnRef idx="2">
            <a:schemeClr val="accent1">
              <a:shade val="50000"/>
            </a:schemeClr>
          </a:lnRef>
          <a:fillRef idx="1">
            <a:schemeClr val="accent1"/>
          </a:fillRef>
          <a:effectRef idx="0">
            <a:schemeClr val="accent1"/>
          </a:effectRef>
          <a:fontRef idx="minor">
            <a:schemeClr val="lt1"/>
          </a:fontRef>
        </p:style>
        <p:txBody>
          <a:bodyPr wrap="square" lIns="259200" tIns="1656000" rIns="259200" bIns="216000" rtlCol="0" anchor="t" anchorCtr="0">
            <a:noAutofit/>
          </a:bodyPr>
          <a:lstStyle/>
          <a:p>
            <a:r>
              <a:rPr lang="da-DK" sz="1200" b="1" noProof="0" dirty="0">
                <a:solidFill>
                  <a:srgbClr val="38025C"/>
                </a:solidFill>
              </a:rPr>
              <a:t>Vi mener, at diversitet gør os </a:t>
            </a:r>
            <a:r>
              <a:rPr lang="da-DK" sz="1200" b="1" noProof="0" dirty="0" err="1">
                <a:solidFill>
                  <a:srgbClr val="38025C"/>
                </a:solidFill>
              </a:rPr>
              <a:t>kloger</a:t>
            </a:r>
            <a:r>
              <a:rPr lang="da-DK" sz="1200" b="1" dirty="0">
                <a:solidFill>
                  <a:srgbClr val="38025C"/>
                </a:solidFill>
              </a:rPr>
              <a:t>e som virksomhed</a:t>
            </a:r>
          </a:p>
          <a:p>
            <a:endParaRPr lang="da-DK" sz="500" b="1" noProof="0" dirty="0">
              <a:solidFill>
                <a:srgbClr val="38025C"/>
              </a:solidFill>
            </a:endParaRPr>
          </a:p>
          <a:p>
            <a:r>
              <a:rPr lang="da-DK" sz="1050" dirty="0">
                <a:solidFill>
                  <a:srgbClr val="38025C"/>
                </a:solidFill>
              </a:rPr>
              <a:t>Forskellige medarbejdere bringer forskellige erfaringer og perspektiver med sig, vi som virksomhed kan få gavn af. En mere mangfoldig palet af perspektiver øger virksomhedens intelligens og muliggør, at vi kan træffe bedre beslutninger.</a:t>
            </a:r>
            <a:endParaRPr lang="da-DK" sz="1050" noProof="0" dirty="0">
              <a:solidFill>
                <a:srgbClr val="38025C"/>
              </a:solidFill>
            </a:endParaRPr>
          </a:p>
        </p:txBody>
      </p:sp>
      <p:sp>
        <p:nvSpPr>
          <p:cNvPr id="13" name="Tekstfelt 14">
            <a:extLst>
              <a:ext uri="{FF2B5EF4-FFF2-40B4-BE49-F238E27FC236}">
                <a16:creationId xmlns:a16="http://schemas.microsoft.com/office/drawing/2014/main" id="{54D0AB27-D7AF-2C9A-FF7A-852406C0DE22}"/>
              </a:ext>
            </a:extLst>
          </p:cNvPr>
          <p:cNvSpPr txBox="1"/>
          <p:nvPr/>
        </p:nvSpPr>
        <p:spPr>
          <a:xfrm>
            <a:off x="287136" y="3313358"/>
            <a:ext cx="1859100" cy="1477328"/>
          </a:xfrm>
          <a:prstGeom prst="rect">
            <a:avLst/>
          </a:prstGeom>
          <a:noFill/>
        </p:spPr>
        <p:txBody>
          <a:bodyPr wrap="square" lIns="208800" tIns="0" rIns="0" bIns="0" rtlCol="0">
            <a:spAutoFit/>
          </a:bodyPr>
          <a:lstStyle/>
          <a:p>
            <a:r>
              <a:rPr lang="da-DK" sz="9600" dirty="0">
                <a:solidFill>
                  <a:srgbClr val="38025C"/>
                </a:solidFill>
                <a:latin typeface="DI Numbers Office" pitchFamily="2" charset="0"/>
              </a:rPr>
              <a:t>01</a:t>
            </a:r>
          </a:p>
        </p:txBody>
      </p:sp>
      <p:sp>
        <p:nvSpPr>
          <p:cNvPr id="16" name="Titel 2">
            <a:extLst>
              <a:ext uri="{FF2B5EF4-FFF2-40B4-BE49-F238E27FC236}">
                <a16:creationId xmlns:a16="http://schemas.microsoft.com/office/drawing/2014/main" id="{A515E64E-D4B9-8940-0EBA-1B684855FB05}"/>
              </a:ext>
            </a:extLst>
          </p:cNvPr>
          <p:cNvSpPr txBox="1">
            <a:spLocks/>
          </p:cNvSpPr>
          <p:nvPr/>
        </p:nvSpPr>
        <p:spPr>
          <a:xfrm>
            <a:off x="646799" y="712946"/>
            <a:ext cx="10897200" cy="533100"/>
          </a:xfrm>
          <a:prstGeom prst="rect">
            <a:avLst/>
          </a:prstGeom>
        </p:spPr>
        <p:txBody>
          <a:bodyPr vert="horz" lIns="0" tIns="0" rIns="0" bIns="0" rtlCol="0" anchor="t" anchorCtr="0">
            <a:noAutofit/>
          </a:bodyPr>
          <a:lstStyle>
            <a:lvl1pPr algn="l" defTabSz="914400" rtl="0" eaLnBrk="1" latinLnBrk="0" hangingPunct="1">
              <a:lnSpc>
                <a:spcPct val="87000"/>
              </a:lnSpc>
              <a:spcBef>
                <a:spcPct val="0"/>
              </a:spcBef>
              <a:buNone/>
              <a:defRPr sz="4000" b="0" kern="1200">
                <a:solidFill>
                  <a:schemeClr val="accent1"/>
                </a:solidFill>
                <a:latin typeface="+mj-lt"/>
                <a:ea typeface="+mj-ea"/>
                <a:cs typeface="+mj-cs"/>
              </a:defRPr>
            </a:lvl1pPr>
          </a:lstStyle>
          <a:p>
            <a:r>
              <a:rPr lang="da-DK" dirty="0">
                <a:solidFill>
                  <a:schemeClr val="bg1"/>
                </a:solidFill>
              </a:rPr>
              <a:t>Diversitet i byggeriet</a:t>
            </a:r>
            <a:br>
              <a:rPr lang="da-DK" dirty="0">
                <a:solidFill>
                  <a:schemeClr val="bg1"/>
                </a:solidFill>
              </a:rPr>
            </a:br>
            <a:r>
              <a:rPr lang="da-DK" dirty="0">
                <a:solidFill>
                  <a:schemeClr val="bg1"/>
                </a:solidFill>
              </a:rPr>
              <a:t> </a:t>
            </a:r>
          </a:p>
        </p:txBody>
      </p:sp>
      <p:sp>
        <p:nvSpPr>
          <p:cNvPr id="2" name="TextBox 1">
            <a:extLst>
              <a:ext uri="{FF2B5EF4-FFF2-40B4-BE49-F238E27FC236}">
                <a16:creationId xmlns:a16="http://schemas.microsoft.com/office/drawing/2014/main" id="{D9D93702-00FA-4B86-C3BB-5AF3BCBFD963}"/>
              </a:ext>
            </a:extLst>
          </p:cNvPr>
          <p:cNvSpPr txBox="1"/>
          <p:nvPr/>
        </p:nvSpPr>
        <p:spPr>
          <a:xfrm>
            <a:off x="646799" y="1339523"/>
            <a:ext cx="4677563" cy="369332"/>
          </a:xfrm>
          <a:prstGeom prst="rect">
            <a:avLst/>
          </a:prstGeom>
          <a:noFill/>
        </p:spPr>
        <p:txBody>
          <a:bodyPr wrap="none" lIns="0" tIns="0" rIns="0" bIns="0" rtlCol="0">
            <a:spAutoFit/>
          </a:bodyPr>
          <a:lstStyle/>
          <a:p>
            <a:pPr algn="l"/>
            <a:r>
              <a:rPr lang="da-DK" sz="2400" dirty="0">
                <a:solidFill>
                  <a:schemeClr val="bg1"/>
                </a:solidFill>
              </a:rPr>
              <a:t>Fokuserede principper for DI Byggeri</a:t>
            </a:r>
          </a:p>
        </p:txBody>
      </p:sp>
    </p:spTree>
    <p:extLst>
      <p:ext uri="{BB962C8B-B14F-4D97-AF65-F5344CB8AC3E}">
        <p14:creationId xmlns:p14="http://schemas.microsoft.com/office/powerpoint/2010/main" val="231894249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bg>
      <p:bgPr>
        <a:solidFill>
          <a:srgbClr val="59237A"/>
        </a:solidFill>
        <a:effectLst/>
      </p:bgPr>
    </p:bg>
    <p:spTree>
      <p:nvGrpSpPr>
        <p:cNvPr id="1" name="">
          <a:extLst>
            <a:ext uri="{FF2B5EF4-FFF2-40B4-BE49-F238E27FC236}">
              <a16:creationId xmlns:a16="http://schemas.microsoft.com/office/drawing/2014/main" id="{131B0FF2-8F21-CD7B-4427-05B952662B2E}"/>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4F64F746-34EE-C343-0B3F-9273397E3579}"/>
              </a:ext>
            </a:extLst>
          </p:cNvPr>
          <p:cNvPicPr>
            <a:picLocks noChangeAspect="1"/>
          </p:cNvPicPr>
          <p:nvPr/>
        </p:nvPicPr>
        <p:blipFill>
          <a:blip r:embed="rId3"/>
          <a:stretch>
            <a:fillRect/>
          </a:stretch>
        </p:blipFill>
        <p:spPr>
          <a:xfrm>
            <a:off x="4655269" y="876820"/>
            <a:ext cx="7536731" cy="5214091"/>
          </a:xfrm>
          <a:prstGeom prst="rect">
            <a:avLst/>
          </a:prstGeom>
        </p:spPr>
      </p:pic>
      <p:sp>
        <p:nvSpPr>
          <p:cNvPr id="7" name="TextBox 6">
            <a:extLst>
              <a:ext uri="{FF2B5EF4-FFF2-40B4-BE49-F238E27FC236}">
                <a16:creationId xmlns:a16="http://schemas.microsoft.com/office/drawing/2014/main" id="{FE5B82D2-963D-819D-8CE5-079FA9C4A29D}"/>
              </a:ext>
            </a:extLst>
          </p:cNvPr>
          <p:cNvSpPr txBox="1"/>
          <p:nvPr/>
        </p:nvSpPr>
        <p:spPr>
          <a:xfrm>
            <a:off x="1315232" y="2630466"/>
            <a:ext cx="3306871" cy="1661993"/>
          </a:xfrm>
          <a:prstGeom prst="rect">
            <a:avLst/>
          </a:prstGeom>
          <a:noFill/>
        </p:spPr>
        <p:txBody>
          <a:bodyPr wrap="square" lIns="0" tIns="0" rIns="0" bIns="0" rtlCol="0">
            <a:spAutoFit/>
          </a:bodyPr>
          <a:lstStyle/>
          <a:p>
            <a:pPr algn="l"/>
            <a:r>
              <a:rPr lang="da-DK" sz="3600" b="1" dirty="0">
                <a:solidFill>
                  <a:schemeClr val="bg1"/>
                </a:solidFill>
              </a:rPr>
              <a:t>Lad os bringe alle talenter i spil!</a:t>
            </a:r>
          </a:p>
        </p:txBody>
      </p:sp>
    </p:spTree>
    <p:extLst>
      <p:ext uri="{BB962C8B-B14F-4D97-AF65-F5344CB8AC3E}">
        <p14:creationId xmlns:p14="http://schemas.microsoft.com/office/powerpoint/2010/main" val="20379381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rgbClr val="38025C"/>
        </a:solidFill>
        <a:effectLst/>
      </p:bgPr>
    </p:bg>
    <p:spTree>
      <p:nvGrpSpPr>
        <p:cNvPr id="1" name=""/>
        <p:cNvGrpSpPr/>
        <p:nvPr/>
      </p:nvGrpSpPr>
      <p:grpSpPr>
        <a:xfrm>
          <a:off x="0" y="0"/>
          <a:ext cx="0" cy="0"/>
          <a:chOff x="0" y="0"/>
          <a:chExt cx="0" cy="0"/>
        </a:xfrm>
      </p:grpSpPr>
      <p:pic>
        <p:nvPicPr>
          <p:cNvPr id="44" name="Picture 43" descr="A person with red hair and orange pants holding a tool&#10;&#10;AI-generated content may be incorrect.">
            <a:extLst>
              <a:ext uri="{FF2B5EF4-FFF2-40B4-BE49-F238E27FC236}">
                <a16:creationId xmlns:a16="http://schemas.microsoft.com/office/drawing/2014/main" id="{5140D4B0-57A1-75B2-DD12-EEA15A4B9250}"/>
              </a:ext>
            </a:extLst>
          </p:cNvPr>
          <p:cNvPicPr>
            <a:picLocks noChangeAspect="1"/>
          </p:cNvPicPr>
          <p:nvPr/>
        </p:nvPicPr>
        <p:blipFill>
          <a:blip r:embed="rId3">
            <a:extLst>
              <a:ext uri="{28A0092B-C50C-407E-A947-70E740481C1C}">
                <a14:useLocalDpi xmlns:a14="http://schemas.microsoft.com/office/drawing/2010/main" val="0"/>
              </a:ext>
            </a:extLst>
          </a:blip>
          <a:srcRect t="18634" b="37227"/>
          <a:stretch/>
        </p:blipFill>
        <p:spPr>
          <a:xfrm>
            <a:off x="0" y="-130301"/>
            <a:ext cx="13533120" cy="8119872"/>
          </a:xfrm>
          <a:prstGeom prst="rect">
            <a:avLst/>
          </a:prstGeom>
        </p:spPr>
      </p:pic>
      <p:sp>
        <p:nvSpPr>
          <p:cNvPr id="2" name="Title 1">
            <a:extLst>
              <a:ext uri="{FF2B5EF4-FFF2-40B4-BE49-F238E27FC236}">
                <a16:creationId xmlns:a16="http://schemas.microsoft.com/office/drawing/2014/main" id="{DD8BE7BC-A129-A54E-1DE7-AB56D760FA1E}"/>
              </a:ext>
            </a:extLst>
          </p:cNvPr>
          <p:cNvSpPr>
            <a:spLocks noGrp="1"/>
          </p:cNvSpPr>
          <p:nvPr>
            <p:ph type="title"/>
          </p:nvPr>
        </p:nvSpPr>
        <p:spPr>
          <a:xfrm>
            <a:off x="804564" y="692656"/>
            <a:ext cx="10897200" cy="1296000"/>
          </a:xfrm>
        </p:spPr>
        <p:txBody>
          <a:bodyPr/>
          <a:lstStyle/>
          <a:p>
            <a:r>
              <a:rPr lang="da-DK" sz="4400" b="1" dirty="0">
                <a:solidFill>
                  <a:srgbClr val="F68D2E"/>
                </a:solidFill>
              </a:rPr>
              <a:t>Målsætningen</a:t>
            </a:r>
          </a:p>
        </p:txBody>
      </p:sp>
      <p:sp>
        <p:nvSpPr>
          <p:cNvPr id="10" name="Oval 9">
            <a:extLst>
              <a:ext uri="{FF2B5EF4-FFF2-40B4-BE49-F238E27FC236}">
                <a16:creationId xmlns:a16="http://schemas.microsoft.com/office/drawing/2014/main" id="{53175680-70FA-6E91-16F7-C415D186D961}"/>
              </a:ext>
            </a:extLst>
          </p:cNvPr>
          <p:cNvSpPr/>
          <p:nvPr/>
        </p:nvSpPr>
        <p:spPr>
          <a:xfrm>
            <a:off x="974724" y="4156074"/>
            <a:ext cx="115225" cy="109538"/>
          </a:xfrm>
          <a:prstGeom prst="ellipse">
            <a:avLst/>
          </a:prstGeom>
          <a:solidFill>
            <a:srgbClr val="F68D2E"/>
          </a:solidFill>
          <a:ln w="25400">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b="1" noProof="0" dirty="0" err="1">
              <a:solidFill>
                <a:schemeClr val="tx1"/>
              </a:solidFill>
            </a:endParaRPr>
          </a:p>
        </p:txBody>
      </p:sp>
      <p:sp>
        <p:nvSpPr>
          <p:cNvPr id="11" name="Oval 10">
            <a:extLst>
              <a:ext uri="{FF2B5EF4-FFF2-40B4-BE49-F238E27FC236}">
                <a16:creationId xmlns:a16="http://schemas.microsoft.com/office/drawing/2014/main" id="{AE789CA4-3ED0-6593-1B3C-EE6F975A956D}"/>
              </a:ext>
            </a:extLst>
          </p:cNvPr>
          <p:cNvSpPr/>
          <p:nvPr/>
        </p:nvSpPr>
        <p:spPr>
          <a:xfrm>
            <a:off x="4659111" y="2173288"/>
            <a:ext cx="113121" cy="109432"/>
          </a:xfrm>
          <a:prstGeom prst="ellipse">
            <a:avLst/>
          </a:prstGeom>
          <a:solidFill>
            <a:srgbClr val="F68D2E"/>
          </a:solidFill>
          <a:ln w="25400">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b="1" noProof="0" dirty="0" err="1">
              <a:solidFill>
                <a:schemeClr val="tx1"/>
              </a:solidFill>
            </a:endParaRPr>
          </a:p>
        </p:txBody>
      </p:sp>
      <p:cxnSp>
        <p:nvCxnSpPr>
          <p:cNvPr id="9" name="Straight Connector 8">
            <a:extLst>
              <a:ext uri="{FF2B5EF4-FFF2-40B4-BE49-F238E27FC236}">
                <a16:creationId xmlns:a16="http://schemas.microsoft.com/office/drawing/2014/main" id="{1891DD22-5D17-750D-D80D-4F79283EC00D}"/>
              </a:ext>
            </a:extLst>
          </p:cNvPr>
          <p:cNvCxnSpPr/>
          <p:nvPr/>
        </p:nvCxnSpPr>
        <p:spPr>
          <a:xfrm flipV="1">
            <a:off x="1037763" y="2239941"/>
            <a:ext cx="3660487" cy="1960968"/>
          </a:xfrm>
          <a:prstGeom prst="line">
            <a:avLst/>
          </a:prstGeom>
          <a:ln w="50800">
            <a:solidFill>
              <a:srgbClr val="F68D2E"/>
            </a:solidFill>
          </a:ln>
        </p:spPr>
        <p:style>
          <a:lnRef idx="1">
            <a:schemeClr val="accent1"/>
          </a:lnRef>
          <a:fillRef idx="0">
            <a:schemeClr val="accent1"/>
          </a:fillRef>
          <a:effectRef idx="0">
            <a:schemeClr val="accent1"/>
          </a:effectRef>
          <a:fontRef idx="minor">
            <a:schemeClr val="tx1"/>
          </a:fontRef>
        </p:style>
      </p:cxnSp>
      <p:sp>
        <p:nvSpPr>
          <p:cNvPr id="3" name="TextBox 2">
            <a:extLst>
              <a:ext uri="{FF2B5EF4-FFF2-40B4-BE49-F238E27FC236}">
                <a16:creationId xmlns:a16="http://schemas.microsoft.com/office/drawing/2014/main" id="{690A0AC2-2668-3F57-8A35-890D7ED1C243}"/>
              </a:ext>
            </a:extLst>
          </p:cNvPr>
          <p:cNvSpPr txBox="1"/>
          <p:nvPr/>
        </p:nvSpPr>
        <p:spPr>
          <a:xfrm>
            <a:off x="416544" y="3228815"/>
            <a:ext cx="1206516" cy="553998"/>
          </a:xfrm>
          <a:prstGeom prst="rect">
            <a:avLst/>
          </a:prstGeom>
          <a:noFill/>
        </p:spPr>
        <p:txBody>
          <a:bodyPr wrap="square" lIns="0" tIns="0" rIns="0" bIns="0" rtlCol="0">
            <a:spAutoFit/>
          </a:bodyPr>
          <a:lstStyle/>
          <a:p>
            <a:pPr algn="l"/>
            <a:r>
              <a:rPr lang="da-DK" sz="3600" dirty="0">
                <a:latin typeface="DI Numbers Office" panose="020B0604020202020204" charset="0"/>
              </a:rPr>
              <a:t>2018</a:t>
            </a:r>
          </a:p>
        </p:txBody>
      </p:sp>
      <p:sp>
        <p:nvSpPr>
          <p:cNvPr id="4" name="TextBox 3">
            <a:extLst>
              <a:ext uri="{FF2B5EF4-FFF2-40B4-BE49-F238E27FC236}">
                <a16:creationId xmlns:a16="http://schemas.microsoft.com/office/drawing/2014/main" id="{0BB327FD-9D8A-BE95-0DDA-419FD3D661A1}"/>
              </a:ext>
            </a:extLst>
          </p:cNvPr>
          <p:cNvSpPr txBox="1"/>
          <p:nvPr/>
        </p:nvSpPr>
        <p:spPr>
          <a:xfrm>
            <a:off x="4626410" y="1468391"/>
            <a:ext cx="1260040" cy="553998"/>
          </a:xfrm>
          <a:prstGeom prst="rect">
            <a:avLst/>
          </a:prstGeom>
          <a:noFill/>
        </p:spPr>
        <p:txBody>
          <a:bodyPr wrap="square" lIns="0" tIns="0" rIns="0" bIns="0" rtlCol="0">
            <a:spAutoFit/>
          </a:bodyPr>
          <a:lstStyle/>
          <a:p>
            <a:pPr algn="l"/>
            <a:r>
              <a:rPr lang="da-DK" sz="3600" dirty="0">
                <a:latin typeface="DI Numbers Office" panose="020B0604020202020204" charset="0"/>
              </a:rPr>
              <a:t>2028</a:t>
            </a:r>
          </a:p>
        </p:txBody>
      </p:sp>
      <p:sp>
        <p:nvSpPr>
          <p:cNvPr id="41" name="TextBox 40">
            <a:extLst>
              <a:ext uri="{FF2B5EF4-FFF2-40B4-BE49-F238E27FC236}">
                <a16:creationId xmlns:a16="http://schemas.microsoft.com/office/drawing/2014/main" id="{2168F3EC-3A93-77BE-69D0-DB4B129C8479}"/>
              </a:ext>
            </a:extLst>
          </p:cNvPr>
          <p:cNvSpPr txBox="1"/>
          <p:nvPr/>
        </p:nvSpPr>
        <p:spPr>
          <a:xfrm>
            <a:off x="594360" y="3783330"/>
            <a:ext cx="516167" cy="307777"/>
          </a:xfrm>
          <a:prstGeom prst="rect">
            <a:avLst/>
          </a:prstGeom>
          <a:noFill/>
        </p:spPr>
        <p:txBody>
          <a:bodyPr wrap="none" lIns="0" tIns="0" rIns="0" bIns="0" rtlCol="0">
            <a:spAutoFit/>
          </a:bodyPr>
          <a:lstStyle/>
          <a:p>
            <a:pPr algn="l"/>
            <a:r>
              <a:rPr lang="da-DK" sz="2000" b="1" dirty="0">
                <a:latin typeface="DI Numbers Office" panose="020B0604020202020204" charset="0"/>
              </a:rPr>
              <a:t>10 %</a:t>
            </a:r>
          </a:p>
        </p:txBody>
      </p:sp>
      <p:sp>
        <p:nvSpPr>
          <p:cNvPr id="42" name="TextBox 41">
            <a:extLst>
              <a:ext uri="{FF2B5EF4-FFF2-40B4-BE49-F238E27FC236}">
                <a16:creationId xmlns:a16="http://schemas.microsoft.com/office/drawing/2014/main" id="{202DDB40-ED75-E026-BBC8-A1DC7C3BCCF9}"/>
              </a:ext>
            </a:extLst>
          </p:cNvPr>
          <p:cNvSpPr txBox="1"/>
          <p:nvPr/>
        </p:nvSpPr>
        <p:spPr>
          <a:xfrm>
            <a:off x="4907280" y="1992630"/>
            <a:ext cx="543418" cy="307777"/>
          </a:xfrm>
          <a:prstGeom prst="rect">
            <a:avLst/>
          </a:prstGeom>
          <a:noFill/>
        </p:spPr>
        <p:txBody>
          <a:bodyPr wrap="none" lIns="0" tIns="0" rIns="0" bIns="0" rtlCol="0">
            <a:spAutoFit/>
          </a:bodyPr>
          <a:lstStyle/>
          <a:p>
            <a:pPr algn="l"/>
            <a:r>
              <a:rPr lang="da-DK" sz="2000" b="1" dirty="0">
                <a:latin typeface="DI Numbers Office" panose="020B0604020202020204" charset="0"/>
              </a:rPr>
              <a:t>20 %</a:t>
            </a:r>
          </a:p>
        </p:txBody>
      </p:sp>
    </p:spTree>
    <p:extLst>
      <p:ext uri="{BB962C8B-B14F-4D97-AF65-F5344CB8AC3E}">
        <p14:creationId xmlns:p14="http://schemas.microsoft.com/office/powerpoint/2010/main" val="72971385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Content Placeholder 6">
            <a:extLst>
              <a:ext uri="{FF2B5EF4-FFF2-40B4-BE49-F238E27FC236}">
                <a16:creationId xmlns:a16="http://schemas.microsoft.com/office/drawing/2014/main" id="{94A3E304-2678-4570-BF97-1DB48430E32E}"/>
              </a:ext>
            </a:extLst>
          </p:cNvPr>
          <p:cNvGraphicFramePr>
            <a:graphicFrameLocks noGrp="1"/>
          </p:cNvGraphicFramePr>
          <p:nvPr>
            <p:ph idx="1"/>
            <p:extLst>
              <p:ext uri="{D42A27DB-BD31-4B8C-83A1-F6EECF244321}">
                <p14:modId xmlns:p14="http://schemas.microsoft.com/office/powerpoint/2010/main" val="4163659254"/>
              </p:ext>
            </p:extLst>
          </p:nvPr>
        </p:nvGraphicFramePr>
        <p:xfrm>
          <a:off x="647700" y="708660"/>
          <a:ext cx="10898188" cy="5242878"/>
        </p:xfrm>
        <a:graphic>
          <a:graphicData uri="http://schemas.openxmlformats.org/drawingml/2006/chart">
            <c:chart xmlns:c="http://schemas.openxmlformats.org/drawingml/2006/chart" xmlns:r="http://schemas.openxmlformats.org/officeDocument/2006/relationships" r:id="rId3"/>
          </a:graphicData>
        </a:graphic>
      </p:graphicFrame>
      <p:sp>
        <p:nvSpPr>
          <p:cNvPr id="4" name="Text Placeholder 3">
            <a:extLst>
              <a:ext uri="{FF2B5EF4-FFF2-40B4-BE49-F238E27FC236}">
                <a16:creationId xmlns:a16="http://schemas.microsoft.com/office/drawing/2014/main" id="{FAF5C5A5-4DE0-0AD5-6032-07ECA576CE5F}"/>
              </a:ext>
            </a:extLst>
          </p:cNvPr>
          <p:cNvSpPr>
            <a:spLocks noGrp="1"/>
          </p:cNvSpPr>
          <p:nvPr>
            <p:ph type="body" sz="quarter" idx="17"/>
          </p:nvPr>
        </p:nvSpPr>
        <p:spPr/>
        <p:txBody>
          <a:bodyPr/>
          <a:lstStyle/>
          <a:p>
            <a:r>
              <a:rPr lang="da-DK" dirty="0"/>
              <a:t>Kilde: Danmarks Statistik RAS 310</a:t>
            </a:r>
          </a:p>
        </p:txBody>
      </p:sp>
    </p:spTree>
    <p:extLst>
      <p:ext uri="{BB962C8B-B14F-4D97-AF65-F5344CB8AC3E}">
        <p14:creationId xmlns:p14="http://schemas.microsoft.com/office/powerpoint/2010/main" val="283682437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A259115-71DA-AF17-FD3B-8DB65F8B0DEF}"/>
              </a:ext>
            </a:extLst>
          </p:cNvPr>
          <p:cNvSpPr>
            <a:spLocks noGrp="1"/>
          </p:cNvSpPr>
          <p:nvPr>
            <p:ph type="title"/>
          </p:nvPr>
        </p:nvSpPr>
        <p:spPr>
          <a:xfrm>
            <a:off x="1176809" y="857321"/>
            <a:ext cx="4188405" cy="784193"/>
          </a:xfrm>
        </p:spPr>
        <p:txBody>
          <a:bodyPr/>
          <a:lstStyle/>
          <a:p>
            <a:r>
              <a:rPr lang="da-DK" b="1" dirty="0">
                <a:solidFill>
                  <a:srgbClr val="33556D"/>
                </a:solidFill>
              </a:rPr>
              <a:t>Den gode nyhed!</a:t>
            </a:r>
          </a:p>
        </p:txBody>
      </p:sp>
      <p:sp>
        <p:nvSpPr>
          <p:cNvPr id="10" name="Rectangle 7">
            <a:extLst>
              <a:ext uri="{FF2B5EF4-FFF2-40B4-BE49-F238E27FC236}">
                <a16:creationId xmlns:a16="http://schemas.microsoft.com/office/drawing/2014/main" id="{2B6419EA-5010-051A-F8BE-FEBA6D2B092F}"/>
              </a:ext>
            </a:extLst>
          </p:cNvPr>
          <p:cNvSpPr/>
          <p:nvPr/>
        </p:nvSpPr>
        <p:spPr>
          <a:xfrm>
            <a:off x="6454938" y="0"/>
            <a:ext cx="5912386" cy="7246683"/>
          </a:xfrm>
          <a:custGeom>
            <a:avLst/>
            <a:gdLst>
              <a:gd name="connsiteX0" fmla="*/ 190496 w 5927074"/>
              <a:gd name="connsiteY0" fmla="*/ 0 h 7028761"/>
              <a:gd name="connsiteX1" fmla="*/ 5736578 w 5927074"/>
              <a:gd name="connsiteY1" fmla="*/ 0 h 7028761"/>
              <a:gd name="connsiteX2" fmla="*/ 5927074 w 5927074"/>
              <a:gd name="connsiteY2" fmla="*/ 190496 h 7028761"/>
              <a:gd name="connsiteX3" fmla="*/ 5927074 w 5927074"/>
              <a:gd name="connsiteY3" fmla="*/ 6838265 h 7028761"/>
              <a:gd name="connsiteX4" fmla="*/ 5736578 w 5927074"/>
              <a:gd name="connsiteY4" fmla="*/ 7028761 h 7028761"/>
              <a:gd name="connsiteX5" fmla="*/ 2963537 w 5927074"/>
              <a:gd name="connsiteY5" fmla="*/ 7028761 h 7028761"/>
              <a:gd name="connsiteX6" fmla="*/ 190496 w 5927074"/>
              <a:gd name="connsiteY6" fmla="*/ 7028761 h 7028761"/>
              <a:gd name="connsiteX7" fmla="*/ 0 w 5927074"/>
              <a:gd name="connsiteY7" fmla="*/ 7028761 h 7028761"/>
              <a:gd name="connsiteX8" fmla="*/ 0 w 5927074"/>
              <a:gd name="connsiteY8" fmla="*/ 6838265 h 7028761"/>
              <a:gd name="connsiteX9" fmla="*/ 0 w 5927074"/>
              <a:gd name="connsiteY9" fmla="*/ 3514380 h 7028761"/>
              <a:gd name="connsiteX10" fmla="*/ 0 w 5927074"/>
              <a:gd name="connsiteY10" fmla="*/ 190496 h 7028761"/>
              <a:gd name="connsiteX11" fmla="*/ 190496 w 5927074"/>
              <a:gd name="connsiteY11" fmla="*/ 0 h 70287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927074" h="7028761">
                <a:moveTo>
                  <a:pt x="190496" y="0"/>
                </a:moveTo>
                <a:lnTo>
                  <a:pt x="5736578" y="0"/>
                </a:lnTo>
                <a:cubicBezTo>
                  <a:pt x="5841786" y="0"/>
                  <a:pt x="5927074" y="85288"/>
                  <a:pt x="5927074" y="190496"/>
                </a:cubicBezTo>
                <a:lnTo>
                  <a:pt x="5927074" y="6838265"/>
                </a:lnTo>
                <a:cubicBezTo>
                  <a:pt x="5927074" y="6943473"/>
                  <a:pt x="5841786" y="7028761"/>
                  <a:pt x="5736578" y="7028761"/>
                </a:cubicBezTo>
                <a:lnTo>
                  <a:pt x="2963537" y="7028761"/>
                </a:lnTo>
                <a:lnTo>
                  <a:pt x="190496" y="7028761"/>
                </a:lnTo>
                <a:lnTo>
                  <a:pt x="0" y="7028761"/>
                </a:lnTo>
                <a:lnTo>
                  <a:pt x="0" y="6838265"/>
                </a:lnTo>
                <a:lnTo>
                  <a:pt x="0" y="3514380"/>
                </a:lnTo>
                <a:lnTo>
                  <a:pt x="0" y="190496"/>
                </a:lnTo>
                <a:cubicBezTo>
                  <a:pt x="0" y="85288"/>
                  <a:pt x="85288" y="0"/>
                  <a:pt x="190496" y="0"/>
                </a:cubicBezTo>
                <a:close/>
              </a:path>
            </a:pathLst>
          </a:custGeom>
          <a:blipFill dpi="0" rotWithShape="1">
            <a:blip r:embed="rId3"/>
            <a:srcRect/>
            <a:stretch>
              <a:fillRect t="-15034"/>
            </a:stretch>
          </a:bli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251996" tIns="251996" rIns="251996" bIns="251996" rtlCol="0" anchor="t">
            <a:noAutofit/>
          </a:bodyPr>
          <a:lstStyle/>
          <a:p>
            <a:endParaRPr lang="da-DK" sz="2000" noProof="0" dirty="0" err="1"/>
          </a:p>
        </p:txBody>
      </p:sp>
      <p:sp>
        <p:nvSpPr>
          <p:cNvPr id="11" name="TextBox 10">
            <a:extLst>
              <a:ext uri="{FF2B5EF4-FFF2-40B4-BE49-F238E27FC236}">
                <a16:creationId xmlns:a16="http://schemas.microsoft.com/office/drawing/2014/main" id="{8BABFC73-4CEE-C23E-A531-B58EBE13FBA2}"/>
              </a:ext>
            </a:extLst>
          </p:cNvPr>
          <p:cNvSpPr txBox="1"/>
          <p:nvPr/>
        </p:nvSpPr>
        <p:spPr>
          <a:xfrm>
            <a:off x="1322024" y="1972022"/>
            <a:ext cx="3816750" cy="1846659"/>
          </a:xfrm>
          <a:prstGeom prst="rect">
            <a:avLst/>
          </a:prstGeom>
          <a:noFill/>
        </p:spPr>
        <p:txBody>
          <a:bodyPr wrap="none" lIns="0" tIns="0" rIns="0" bIns="0" rtlCol="0">
            <a:spAutoFit/>
          </a:bodyPr>
          <a:lstStyle/>
          <a:p>
            <a:pPr algn="ctr"/>
            <a:r>
              <a:rPr lang="da-DK" sz="3600" dirty="0">
                <a:solidFill>
                  <a:srgbClr val="33556D"/>
                </a:solidFill>
                <a:latin typeface="DI Numbers Office" panose="020B0604020202020204" charset="0"/>
              </a:rPr>
              <a:t>Antallet af </a:t>
            </a:r>
          </a:p>
          <a:p>
            <a:pPr algn="ctr"/>
            <a:r>
              <a:rPr lang="da-DK" sz="3600" dirty="0">
                <a:solidFill>
                  <a:srgbClr val="33556D"/>
                </a:solidFill>
                <a:latin typeface="DI Numbers Office" panose="020B0604020202020204" charset="0"/>
              </a:rPr>
              <a:t>kvinder i branchen </a:t>
            </a:r>
          </a:p>
          <a:p>
            <a:pPr algn="ctr"/>
            <a:r>
              <a:rPr lang="da-DK" sz="3600" dirty="0">
                <a:solidFill>
                  <a:srgbClr val="33556D"/>
                </a:solidFill>
                <a:latin typeface="DI Numbers Office" panose="020B0604020202020204" charset="0"/>
              </a:rPr>
              <a:t>er steget med </a:t>
            </a:r>
          </a:p>
          <a:p>
            <a:pPr algn="ctr"/>
            <a:endParaRPr lang="da-DK" sz="1200" dirty="0">
              <a:solidFill>
                <a:srgbClr val="33556D"/>
              </a:solidFill>
              <a:latin typeface="DI Numbers Office" panose="020B0604020202020204" charset="0"/>
            </a:endParaRPr>
          </a:p>
        </p:txBody>
      </p:sp>
      <p:sp>
        <p:nvSpPr>
          <p:cNvPr id="12" name="TextBox 11">
            <a:extLst>
              <a:ext uri="{FF2B5EF4-FFF2-40B4-BE49-F238E27FC236}">
                <a16:creationId xmlns:a16="http://schemas.microsoft.com/office/drawing/2014/main" id="{F361C04D-2C8D-FF4B-FB2C-3033D02446D3}"/>
              </a:ext>
            </a:extLst>
          </p:cNvPr>
          <p:cNvSpPr txBox="1"/>
          <p:nvPr/>
        </p:nvSpPr>
        <p:spPr>
          <a:xfrm>
            <a:off x="1916936" y="3877939"/>
            <a:ext cx="2664191" cy="2077492"/>
          </a:xfrm>
          <a:prstGeom prst="rect">
            <a:avLst/>
          </a:prstGeom>
          <a:noFill/>
        </p:spPr>
        <p:txBody>
          <a:bodyPr wrap="none" lIns="0" tIns="0" rIns="0" bIns="0" rtlCol="0">
            <a:spAutoFit/>
          </a:bodyPr>
          <a:lstStyle/>
          <a:p>
            <a:r>
              <a:rPr lang="da-DK" sz="11500" dirty="0">
                <a:solidFill>
                  <a:srgbClr val="F68D2E"/>
                </a:solidFill>
                <a:latin typeface="DI Numbers Office" panose="020B0604020202020204" charset="0"/>
              </a:rPr>
              <a:t>15 %</a:t>
            </a:r>
            <a:endParaRPr lang="da-DK" sz="200" dirty="0">
              <a:solidFill>
                <a:srgbClr val="F68D2E"/>
              </a:solidFill>
              <a:latin typeface="DI Numbers Office" panose="020B0604020202020204" charset="0"/>
            </a:endParaRPr>
          </a:p>
          <a:p>
            <a:pPr algn="l"/>
            <a:endParaRPr lang="da-DK" sz="2000" dirty="0" err="1">
              <a:solidFill>
                <a:schemeClr val="accent1"/>
              </a:solidFill>
            </a:endParaRPr>
          </a:p>
        </p:txBody>
      </p:sp>
    </p:spTree>
    <p:extLst>
      <p:ext uri="{BB962C8B-B14F-4D97-AF65-F5344CB8AC3E}">
        <p14:creationId xmlns:p14="http://schemas.microsoft.com/office/powerpoint/2010/main" val="406458835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A circular chart with different colored circles&#10;&#10;Description automatically generated">
            <a:extLst>
              <a:ext uri="{FF2B5EF4-FFF2-40B4-BE49-F238E27FC236}">
                <a16:creationId xmlns:a16="http://schemas.microsoft.com/office/drawing/2014/main" id="{A905C813-DF66-681D-413F-8291AC77D15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5240867" y="0"/>
            <a:ext cx="6858000" cy="6858000"/>
          </a:xfrm>
          <a:prstGeom prst="rect">
            <a:avLst/>
          </a:prstGeom>
        </p:spPr>
      </p:pic>
      <p:sp>
        <p:nvSpPr>
          <p:cNvPr id="4" name="Text Placeholder 3">
            <a:extLst>
              <a:ext uri="{FF2B5EF4-FFF2-40B4-BE49-F238E27FC236}">
                <a16:creationId xmlns:a16="http://schemas.microsoft.com/office/drawing/2014/main" id="{55CBCB8C-3608-4BB2-49E8-8A50C1C5CB57}"/>
              </a:ext>
            </a:extLst>
          </p:cNvPr>
          <p:cNvSpPr>
            <a:spLocks noGrp="1"/>
          </p:cNvSpPr>
          <p:nvPr>
            <p:ph type="body" sz="quarter" idx="17"/>
          </p:nvPr>
        </p:nvSpPr>
        <p:spPr>
          <a:xfrm>
            <a:off x="10883899" y="6280150"/>
            <a:ext cx="1063471" cy="395561"/>
          </a:xfrm>
        </p:spPr>
        <p:txBody>
          <a:bodyPr/>
          <a:lstStyle/>
          <a:p>
            <a:r>
              <a:rPr lang="da-DK" dirty="0" err="1"/>
              <a:t>Luthra</a:t>
            </a:r>
            <a:r>
              <a:rPr lang="da-DK" dirty="0"/>
              <a:t>, P. &amp; Muhr, S.: Ledelse Igennem Bias (2024)</a:t>
            </a:r>
          </a:p>
        </p:txBody>
      </p:sp>
      <p:sp>
        <p:nvSpPr>
          <p:cNvPr id="8" name="TextBox 7">
            <a:extLst>
              <a:ext uri="{FF2B5EF4-FFF2-40B4-BE49-F238E27FC236}">
                <a16:creationId xmlns:a16="http://schemas.microsoft.com/office/drawing/2014/main" id="{983EDF03-BE11-D2BB-9EBF-EF9FDA01047C}"/>
              </a:ext>
            </a:extLst>
          </p:cNvPr>
          <p:cNvSpPr txBox="1"/>
          <p:nvPr/>
        </p:nvSpPr>
        <p:spPr>
          <a:xfrm>
            <a:off x="846997" y="1843950"/>
            <a:ext cx="4393870" cy="3170099"/>
          </a:xfrm>
          <a:prstGeom prst="rect">
            <a:avLst/>
          </a:prstGeom>
          <a:noFill/>
        </p:spPr>
        <p:txBody>
          <a:bodyPr wrap="square">
            <a:spAutoFit/>
          </a:bodyPr>
          <a:lstStyle/>
          <a:p>
            <a:r>
              <a:rPr lang="da-DK" sz="4000" dirty="0">
                <a:solidFill>
                  <a:schemeClr val="tx2"/>
                </a:solidFill>
              </a:rPr>
              <a:t>VI ER </a:t>
            </a:r>
            <a:r>
              <a:rPr lang="da-DK" sz="4000" b="1" dirty="0">
                <a:solidFill>
                  <a:schemeClr val="tx2"/>
                </a:solidFill>
              </a:rPr>
              <a:t>ALLE</a:t>
            </a:r>
            <a:r>
              <a:rPr lang="da-DK" sz="4000" dirty="0">
                <a:solidFill>
                  <a:schemeClr val="tx2"/>
                </a:solidFill>
              </a:rPr>
              <a:t> SAMMEN </a:t>
            </a:r>
            <a:r>
              <a:rPr lang="da-DK" sz="4000" b="1" dirty="0">
                <a:solidFill>
                  <a:schemeClr val="tx2"/>
                </a:solidFill>
              </a:rPr>
              <a:t>FORSKELLIGE – </a:t>
            </a:r>
            <a:r>
              <a:rPr lang="da-DK" sz="4000" dirty="0">
                <a:solidFill>
                  <a:schemeClr val="tx2"/>
                </a:solidFill>
              </a:rPr>
              <a:t>OG DET ER EN</a:t>
            </a:r>
            <a:r>
              <a:rPr lang="da-DK" sz="4000" b="1" dirty="0">
                <a:solidFill>
                  <a:schemeClr val="tx2"/>
                </a:solidFill>
              </a:rPr>
              <a:t> STYRKE</a:t>
            </a:r>
            <a:r>
              <a:rPr lang="da-DK" sz="4000" dirty="0">
                <a:solidFill>
                  <a:schemeClr val="tx2"/>
                </a:solidFill>
              </a:rPr>
              <a:t>.</a:t>
            </a:r>
          </a:p>
        </p:txBody>
      </p:sp>
    </p:spTree>
    <p:extLst>
      <p:ext uri="{BB962C8B-B14F-4D97-AF65-F5344CB8AC3E}">
        <p14:creationId xmlns:p14="http://schemas.microsoft.com/office/powerpoint/2010/main" val="139769967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itle 1">
            <a:extLst>
              <a:ext uri="{FF2B5EF4-FFF2-40B4-BE49-F238E27FC236}">
                <a16:creationId xmlns:a16="http://schemas.microsoft.com/office/drawing/2014/main" id="{13727294-401A-5AFD-A157-456988A8BB75}"/>
              </a:ext>
            </a:extLst>
          </p:cNvPr>
          <p:cNvSpPr>
            <a:spLocks noGrp="1"/>
          </p:cNvSpPr>
          <p:nvPr>
            <p:ph type="title"/>
          </p:nvPr>
        </p:nvSpPr>
        <p:spPr>
          <a:xfrm>
            <a:off x="648000" y="647999"/>
            <a:ext cx="10897200" cy="750923"/>
          </a:xfrm>
        </p:spPr>
        <p:txBody>
          <a:bodyPr/>
          <a:lstStyle/>
          <a:p>
            <a:r>
              <a:rPr lang="da-DK" dirty="0"/>
              <a:t>Virksomhederne tager et stort lokalt ansvar</a:t>
            </a:r>
            <a:endParaRPr lang="en-US" dirty="0"/>
          </a:p>
        </p:txBody>
      </p:sp>
      <p:graphicFrame>
        <p:nvGraphicFramePr>
          <p:cNvPr id="5" name="Content Placeholder 6">
            <a:extLst>
              <a:ext uri="{FF2B5EF4-FFF2-40B4-BE49-F238E27FC236}">
                <a16:creationId xmlns:a16="http://schemas.microsoft.com/office/drawing/2014/main" id="{A91CB911-F31B-94AE-9000-30893E539ADC}"/>
              </a:ext>
            </a:extLst>
          </p:cNvPr>
          <p:cNvGraphicFramePr>
            <a:graphicFrameLocks/>
          </p:cNvGraphicFramePr>
          <p:nvPr>
            <p:extLst>
              <p:ext uri="{D42A27DB-BD31-4B8C-83A1-F6EECF244321}">
                <p14:modId xmlns:p14="http://schemas.microsoft.com/office/powerpoint/2010/main" val="1273966684"/>
              </p:ext>
            </p:extLst>
          </p:nvPr>
        </p:nvGraphicFramePr>
        <p:xfrm>
          <a:off x="647700" y="1400400"/>
          <a:ext cx="10895013" cy="4549550"/>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373662001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B677398-4D2C-C65C-C71F-2901848A5DBD}"/>
              </a:ext>
            </a:extLst>
          </p:cNvPr>
          <p:cNvSpPr>
            <a:spLocks noGrp="1"/>
          </p:cNvSpPr>
          <p:nvPr>
            <p:ph type="title"/>
          </p:nvPr>
        </p:nvSpPr>
        <p:spPr/>
        <p:txBody>
          <a:bodyPr/>
          <a:lstStyle/>
          <a:p>
            <a:r>
              <a:rPr lang="da-DK" dirty="0"/>
              <a:t>Flere virksomheder går nye veje</a:t>
            </a:r>
          </a:p>
        </p:txBody>
      </p:sp>
      <p:graphicFrame>
        <p:nvGraphicFramePr>
          <p:cNvPr id="7" name="Content Placeholder 6">
            <a:extLst>
              <a:ext uri="{FF2B5EF4-FFF2-40B4-BE49-F238E27FC236}">
                <a16:creationId xmlns:a16="http://schemas.microsoft.com/office/drawing/2014/main" id="{B4FAEA3A-6173-A05E-3868-AE61CCF707B3}"/>
              </a:ext>
            </a:extLst>
          </p:cNvPr>
          <p:cNvGraphicFramePr>
            <a:graphicFrameLocks noGrp="1"/>
          </p:cNvGraphicFramePr>
          <p:nvPr>
            <p:ph idx="1"/>
            <p:extLst>
              <p:ext uri="{D42A27DB-BD31-4B8C-83A1-F6EECF244321}">
                <p14:modId xmlns:p14="http://schemas.microsoft.com/office/powerpoint/2010/main" val="852373713"/>
              </p:ext>
            </p:extLst>
          </p:nvPr>
        </p:nvGraphicFramePr>
        <p:xfrm>
          <a:off x="647700" y="1944688"/>
          <a:ext cx="10898188" cy="4006850"/>
        </p:xfrm>
        <a:graphic>
          <a:graphicData uri="http://schemas.openxmlformats.org/drawingml/2006/chart">
            <c:chart xmlns:c="http://schemas.openxmlformats.org/drawingml/2006/chart" xmlns:r="http://schemas.openxmlformats.org/officeDocument/2006/relationships" r:id="rId3"/>
          </a:graphicData>
        </a:graphic>
      </p:graphicFrame>
      <p:sp>
        <p:nvSpPr>
          <p:cNvPr id="4" name="Text Placeholder 3">
            <a:extLst>
              <a:ext uri="{FF2B5EF4-FFF2-40B4-BE49-F238E27FC236}">
                <a16:creationId xmlns:a16="http://schemas.microsoft.com/office/drawing/2014/main" id="{E5648F62-3952-FA4E-461B-1ACF50CF8ED6}"/>
              </a:ext>
            </a:extLst>
          </p:cNvPr>
          <p:cNvSpPr>
            <a:spLocks noGrp="1"/>
          </p:cNvSpPr>
          <p:nvPr>
            <p:ph type="body" sz="quarter" idx="17"/>
          </p:nvPr>
        </p:nvSpPr>
        <p:spPr/>
        <p:txBody>
          <a:bodyPr/>
          <a:lstStyle/>
          <a:p>
            <a:r>
              <a:rPr lang="da-DK" dirty="0"/>
              <a:t>Kilde: Survey blandt medlemmerne af DI Byggeri (2025), N=228</a:t>
            </a:r>
          </a:p>
        </p:txBody>
      </p:sp>
    </p:spTree>
    <p:extLst>
      <p:ext uri="{BB962C8B-B14F-4D97-AF65-F5344CB8AC3E}">
        <p14:creationId xmlns:p14="http://schemas.microsoft.com/office/powerpoint/2010/main" val="218979980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bg>
      <p:bgPr>
        <a:solidFill>
          <a:srgbClr val="336D74"/>
        </a:solidFill>
        <a:effectLst/>
      </p:bgPr>
    </p:bg>
    <p:spTree>
      <p:nvGrpSpPr>
        <p:cNvPr id="1" name="">
          <a:extLst>
            <a:ext uri="{FF2B5EF4-FFF2-40B4-BE49-F238E27FC236}">
              <a16:creationId xmlns:a16="http://schemas.microsoft.com/office/drawing/2014/main" id="{33505E7F-1F21-4F90-A410-53BFA9A8315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7BD4E91-6193-471B-2AEB-E0E89C33F62C}"/>
              </a:ext>
            </a:extLst>
          </p:cNvPr>
          <p:cNvSpPr>
            <a:spLocks noGrp="1"/>
          </p:cNvSpPr>
          <p:nvPr>
            <p:ph type="title"/>
          </p:nvPr>
        </p:nvSpPr>
        <p:spPr/>
        <p:txBody>
          <a:bodyPr/>
          <a:lstStyle/>
          <a:p>
            <a:r>
              <a:rPr lang="da-DK" sz="3200" dirty="0">
                <a:solidFill>
                  <a:schemeClr val="bg1"/>
                </a:solidFill>
              </a:rPr>
              <a:t>Hvilke medarbejdere har I primært forsøgt at tiltrække gennem de ændrede metoder?</a:t>
            </a:r>
          </a:p>
        </p:txBody>
      </p:sp>
      <p:graphicFrame>
        <p:nvGraphicFramePr>
          <p:cNvPr id="7" name="Content Placeholder 6">
            <a:extLst>
              <a:ext uri="{FF2B5EF4-FFF2-40B4-BE49-F238E27FC236}">
                <a16:creationId xmlns:a16="http://schemas.microsoft.com/office/drawing/2014/main" id="{444323CD-5FAA-26AB-223D-76F5A14A8536}"/>
              </a:ext>
            </a:extLst>
          </p:cNvPr>
          <p:cNvGraphicFramePr>
            <a:graphicFrameLocks noGrp="1"/>
          </p:cNvGraphicFramePr>
          <p:nvPr>
            <p:ph idx="1"/>
            <p:extLst>
              <p:ext uri="{D42A27DB-BD31-4B8C-83A1-F6EECF244321}">
                <p14:modId xmlns:p14="http://schemas.microsoft.com/office/powerpoint/2010/main" val="326614569"/>
              </p:ext>
            </p:extLst>
          </p:nvPr>
        </p:nvGraphicFramePr>
        <p:xfrm>
          <a:off x="647700" y="1944688"/>
          <a:ext cx="10898188" cy="4006850"/>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374273747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bg>
      <p:bgPr>
        <a:solidFill>
          <a:srgbClr val="38025C"/>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95AE4D-2B7A-B0F0-13E4-71A2DC75C357}"/>
              </a:ext>
            </a:extLst>
          </p:cNvPr>
          <p:cNvSpPr>
            <a:spLocks noGrp="1"/>
          </p:cNvSpPr>
          <p:nvPr>
            <p:ph type="title"/>
          </p:nvPr>
        </p:nvSpPr>
        <p:spPr>
          <a:xfrm>
            <a:off x="797902" y="468118"/>
            <a:ext cx="10897200" cy="1296000"/>
          </a:xfrm>
        </p:spPr>
        <p:txBody>
          <a:bodyPr/>
          <a:lstStyle/>
          <a:p>
            <a:r>
              <a:rPr lang="da-DK" sz="3600" dirty="0">
                <a:solidFill>
                  <a:schemeClr val="bg1"/>
                </a:solidFill>
              </a:rPr>
              <a:t>I hvilke funktioner har din virksomhed kvindelige ansatte på nuværende tidspunkt? </a:t>
            </a:r>
          </a:p>
        </p:txBody>
      </p:sp>
      <p:graphicFrame>
        <p:nvGraphicFramePr>
          <p:cNvPr id="5" name="Content Placeholder 4">
            <a:extLst>
              <a:ext uri="{FF2B5EF4-FFF2-40B4-BE49-F238E27FC236}">
                <a16:creationId xmlns:a16="http://schemas.microsoft.com/office/drawing/2014/main" id="{2750F8C0-4246-9473-AAD5-69D8F990AA38}"/>
              </a:ext>
            </a:extLst>
          </p:cNvPr>
          <p:cNvGraphicFramePr>
            <a:graphicFrameLocks noGrp="1"/>
          </p:cNvGraphicFramePr>
          <p:nvPr>
            <p:ph idx="1"/>
            <p:extLst>
              <p:ext uri="{D42A27DB-BD31-4B8C-83A1-F6EECF244321}">
                <p14:modId xmlns:p14="http://schemas.microsoft.com/office/powerpoint/2010/main" val="2522844733"/>
              </p:ext>
            </p:extLst>
          </p:nvPr>
        </p:nvGraphicFramePr>
        <p:xfrm>
          <a:off x="355107" y="2080225"/>
          <a:ext cx="5420648" cy="4191702"/>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6" name="Chart 5">
            <a:extLst>
              <a:ext uri="{FF2B5EF4-FFF2-40B4-BE49-F238E27FC236}">
                <a16:creationId xmlns:a16="http://schemas.microsoft.com/office/drawing/2014/main" id="{751D66F4-B894-C408-AFFB-59411A8E4A88}"/>
              </a:ext>
            </a:extLst>
          </p:cNvPr>
          <p:cNvGraphicFramePr>
            <a:graphicFrameLocks/>
          </p:cNvGraphicFramePr>
          <p:nvPr>
            <p:extLst>
              <p:ext uri="{D42A27DB-BD31-4B8C-83A1-F6EECF244321}">
                <p14:modId xmlns:p14="http://schemas.microsoft.com/office/powerpoint/2010/main" val="1045066232"/>
              </p:ext>
            </p:extLst>
          </p:nvPr>
        </p:nvGraphicFramePr>
        <p:xfrm>
          <a:off x="6303819" y="1956671"/>
          <a:ext cx="5264727" cy="4402566"/>
        </p:xfrm>
        <a:graphic>
          <a:graphicData uri="http://schemas.openxmlformats.org/drawingml/2006/chart">
            <c:chart xmlns:c="http://schemas.openxmlformats.org/drawingml/2006/chart" xmlns:r="http://schemas.openxmlformats.org/officeDocument/2006/relationships" r:id="rId4"/>
          </a:graphicData>
        </a:graphic>
      </p:graphicFrame>
      <p:sp>
        <p:nvSpPr>
          <p:cNvPr id="7" name="TextBox 6">
            <a:extLst>
              <a:ext uri="{FF2B5EF4-FFF2-40B4-BE49-F238E27FC236}">
                <a16:creationId xmlns:a16="http://schemas.microsoft.com/office/drawing/2014/main" id="{0E7E4394-F272-C367-F660-827649622078}"/>
              </a:ext>
            </a:extLst>
          </p:cNvPr>
          <p:cNvSpPr txBox="1"/>
          <p:nvPr/>
        </p:nvSpPr>
        <p:spPr>
          <a:xfrm>
            <a:off x="2488367" y="1783830"/>
            <a:ext cx="1693889" cy="215444"/>
          </a:xfrm>
          <a:prstGeom prst="rect">
            <a:avLst/>
          </a:prstGeom>
          <a:noFill/>
        </p:spPr>
        <p:txBody>
          <a:bodyPr wrap="square" lIns="0" tIns="0" rIns="0" bIns="0" rtlCol="0">
            <a:spAutoFit/>
          </a:bodyPr>
          <a:lstStyle/>
          <a:p>
            <a:pPr algn="l"/>
            <a:r>
              <a:rPr lang="da-DK" sz="1400" dirty="0">
                <a:solidFill>
                  <a:schemeClr val="bg1"/>
                </a:solidFill>
              </a:rPr>
              <a:t>Alle virksomheder</a:t>
            </a:r>
          </a:p>
        </p:txBody>
      </p:sp>
      <p:sp>
        <p:nvSpPr>
          <p:cNvPr id="8" name="TextBox 7">
            <a:extLst>
              <a:ext uri="{FF2B5EF4-FFF2-40B4-BE49-F238E27FC236}">
                <a16:creationId xmlns:a16="http://schemas.microsoft.com/office/drawing/2014/main" id="{5AFBFA68-0A53-A088-2497-750D44153C0A}"/>
              </a:ext>
            </a:extLst>
          </p:cNvPr>
          <p:cNvSpPr txBox="1"/>
          <p:nvPr/>
        </p:nvSpPr>
        <p:spPr>
          <a:xfrm>
            <a:off x="8441962" y="1728636"/>
            <a:ext cx="986852" cy="215444"/>
          </a:xfrm>
          <a:prstGeom prst="rect">
            <a:avLst/>
          </a:prstGeom>
          <a:noFill/>
        </p:spPr>
        <p:txBody>
          <a:bodyPr wrap="square" lIns="0" tIns="0" rIns="0" bIns="0" rtlCol="0">
            <a:spAutoFit/>
          </a:bodyPr>
          <a:lstStyle/>
          <a:p>
            <a:pPr algn="l"/>
            <a:r>
              <a:rPr lang="da-DK" sz="1400" dirty="0">
                <a:solidFill>
                  <a:schemeClr val="bg1"/>
                </a:solidFill>
              </a:rPr>
              <a:t>Udførende</a:t>
            </a:r>
          </a:p>
        </p:txBody>
      </p:sp>
    </p:spTree>
    <p:extLst>
      <p:ext uri="{BB962C8B-B14F-4D97-AF65-F5344CB8AC3E}">
        <p14:creationId xmlns:p14="http://schemas.microsoft.com/office/powerpoint/2010/main" val="3833478451"/>
      </p:ext>
    </p:extLst>
  </p:cSld>
  <p:clrMapOvr>
    <a:masterClrMapping/>
  </p:clrMapOvr>
</p:sld>
</file>

<file path=ppt/theme/theme1.xml><?xml version="1.0" encoding="utf-8"?>
<a:theme xmlns:a="http://schemas.openxmlformats.org/drawingml/2006/main" name="Dansk Industri">
  <a:themeElements>
    <a:clrScheme name="DI Corporate 2023">
      <a:dk1>
        <a:srgbClr val="000000"/>
      </a:dk1>
      <a:lt1>
        <a:srgbClr val="FFFFFF"/>
      </a:lt1>
      <a:dk2>
        <a:srgbClr val="38025C"/>
      </a:dk2>
      <a:lt2>
        <a:srgbClr val="F7F5FF"/>
      </a:lt2>
      <a:accent1>
        <a:srgbClr val="38025C"/>
      </a:accent1>
      <a:accent2>
        <a:srgbClr val="A7A4E0"/>
      </a:accent2>
      <a:accent3>
        <a:srgbClr val="7D55C7"/>
      </a:accent3>
      <a:accent4>
        <a:srgbClr val="3B383D"/>
      </a:accent4>
      <a:accent5>
        <a:srgbClr val="646266"/>
      </a:accent5>
      <a:accent6>
        <a:srgbClr val="BDBDBD"/>
      </a:accent6>
      <a:hlink>
        <a:srgbClr val="7D55C7"/>
      </a:hlink>
      <a:folHlink>
        <a:srgbClr val="A7A4E0"/>
      </a:folHlink>
    </a:clrScheme>
    <a:fontScheme name="Dansk Industri 2023">
      <a:majorFont>
        <a:latin typeface="DI Display Office"/>
        <a:ea typeface=""/>
        <a:cs typeface=""/>
      </a:majorFont>
      <a:minorFont>
        <a:latin typeface="DI Sans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w="15875">
          <a:solidFill>
            <a:schemeClr val="accent1"/>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15875">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2000" dirty="0" err="1" smtClean="0">
            <a:solidFill>
              <a:schemeClr val="accent1"/>
            </a:solidFill>
          </a:defRPr>
        </a:defPPr>
      </a:lstStyle>
    </a:txDef>
  </a:objectDefaults>
  <a:extraClrSchemeLst/>
  <a:custClrLst>
    <a:custClr name="Off White Background">
      <a:srgbClr val="F7F5FF"/>
    </a:custClr>
    <a:custClr name="Dark Purple 500">
      <a:srgbClr val="38025C"/>
    </a:custClr>
    <a:custClr name="Dark Purple 400">
      <a:srgbClr val="60347C"/>
    </a:custClr>
    <a:custClr name="Light Purple 500">
      <a:srgbClr val="A7A4E0"/>
    </a:custClr>
    <a:custClr name="Light Purple 400">
      <a:srgbClr val="B9B6E6"/>
    </a:custClr>
    <a:custClr name="Vibrant Purple 500">
      <a:srgbClr val="7D55C7"/>
    </a:custClr>
    <a:custClr name="Vibrant Purple 400">
      <a:srgbClr val="9777D2"/>
    </a:custClr>
    <a:custClr name="Dark Grey">
      <a:srgbClr val="3B383D"/>
    </a:custClr>
    <a:custClr name="Vibrant Grey">
      <a:srgbClr val="646266"/>
    </a:custClr>
    <a:custClr name="Light Grey">
      <a:srgbClr val="BDBDBD"/>
    </a:custClr>
    <a:custClr name="Dark Aqua 500">
      <a:srgbClr val="004851"/>
    </a:custClr>
    <a:custClr name="Dark Aqua 400">
      <a:srgbClr val="336D74"/>
    </a:custClr>
    <a:custClr name="Vibrant Aqua 500">
      <a:srgbClr val="00AB8E"/>
    </a:custClr>
    <a:custClr name="Vibrant Aqua 400">
      <a:srgbClr val="33BCA5"/>
    </a:custClr>
    <a:custClr name="Light Aqua 500">
      <a:srgbClr val="88DBDF"/>
    </a:custClr>
    <a:custClr name="Light Aqua 400">
      <a:srgbClr val="A0E2E5"/>
    </a:custClr>
    <a:custClr name="Dark Blue 500">
      <a:srgbClr val="002B49"/>
    </a:custClr>
    <a:custClr name="Dark Blue 400">
      <a:srgbClr val="33556D"/>
    </a:custClr>
    <a:custClr name="Vibrant Blue 500">
      <a:srgbClr val="007096"/>
    </a:custClr>
    <a:custClr name="Vibrant Blue 400">
      <a:srgbClr val="338DAB"/>
    </a:custClr>
    <a:custClr name="Light Blue 500">
      <a:srgbClr val="8DC8E8"/>
    </a:custClr>
    <a:custClr name="Light Blue 400">
      <a:srgbClr val="A4D3ED"/>
    </a:custClr>
    <a:custClr name="Dark Red 500">
      <a:srgbClr val="70273D"/>
    </a:custClr>
    <a:custClr name="Dark Red 400">
      <a:srgbClr val="8D5264"/>
    </a:custClr>
    <a:custClr name="Vibrant Red 500">
      <a:srgbClr val="D22730"/>
    </a:custClr>
    <a:custClr name="Vibrant Red 400">
      <a:srgbClr val="DB5259"/>
    </a:custClr>
    <a:custClr name="Light Red 500">
      <a:srgbClr val="EAB8E4"/>
    </a:custClr>
    <a:custClr name="Light Red 400">
      <a:srgbClr val="EEC6E9"/>
    </a:custClr>
    <a:custClr name="Dark Green 500">
      <a:srgbClr val="284734"/>
    </a:custClr>
    <a:custClr name="Dark Green 400">
      <a:srgbClr val="536C5D"/>
    </a:custClr>
    <a:custClr name="Vibrant Green 500">
      <a:srgbClr val="56C271"/>
    </a:custClr>
    <a:custClr name="Vibrant Green 400">
      <a:srgbClr val="78CE8D"/>
    </a:custClr>
    <a:custClr name="Light Green 500">
      <a:srgbClr val="BCE194"/>
    </a:custClr>
    <a:custClr name="Light Green 400">
      <a:srgbClr val="C9E7A9"/>
    </a:custClr>
    <a:custClr name="Dark Orange 500">
      <a:srgbClr val="B33D26"/>
    </a:custClr>
    <a:custClr name="Dark Orange 400">
      <a:srgbClr val="C2645B"/>
    </a:custClr>
    <a:custClr name="Vibrant Orange 500 ">
      <a:srgbClr val="F68D2E"/>
    </a:custClr>
    <a:custClr name="Vibrant Orange 400 ">
      <a:srgbClr val="F8A458"/>
    </a:custClr>
    <a:custClr name="Light Orange 500">
      <a:srgbClr val="FCC89B"/>
    </a:custClr>
    <a:custClr name="Light Orange 400">
      <a:srgbClr val="FDD3AF"/>
    </a:custClr>
  </a:custClrLst>
  <a:extLst>
    <a:ext uri="{05A4C25C-085E-4340-85A3-A5531E510DB2}">
      <thm15:themeFamily xmlns:thm15="http://schemas.microsoft.com/office/thememl/2012/main" name="Blank.potx" id="{E9791ABF-9B2E-4AC4-B0CD-179CB02AEB99}" vid="{BB1FA146-E51F-4D93-8A00-5E0D07D8550F}"/>
    </a:ext>
  </a:extLst>
</a:theme>
</file>

<file path=ppt/theme/theme2.xml><?xml version="1.0" encoding="utf-8"?>
<a:theme xmlns:a="http://schemas.openxmlformats.org/drawingml/2006/main" name="Office-tema">
  <a:themeElements>
    <a:clrScheme name="DI Corporate 2023">
      <a:dk1>
        <a:srgbClr val="000000"/>
      </a:dk1>
      <a:lt1>
        <a:srgbClr val="FFFFFF"/>
      </a:lt1>
      <a:dk2>
        <a:srgbClr val="38025C"/>
      </a:dk2>
      <a:lt2>
        <a:srgbClr val="F7F5FF"/>
      </a:lt2>
      <a:accent1>
        <a:srgbClr val="38025C"/>
      </a:accent1>
      <a:accent2>
        <a:srgbClr val="A7A4E0"/>
      </a:accent2>
      <a:accent3>
        <a:srgbClr val="7D55C7"/>
      </a:accent3>
      <a:accent4>
        <a:srgbClr val="3B383D"/>
      </a:accent4>
      <a:accent5>
        <a:srgbClr val="646266"/>
      </a:accent5>
      <a:accent6>
        <a:srgbClr val="BDBDBD"/>
      </a:accent6>
      <a:hlink>
        <a:srgbClr val="7D55C7"/>
      </a:hlink>
      <a:folHlink>
        <a:srgbClr val="A7A4E0"/>
      </a:folHlink>
    </a:clrScheme>
    <a:fontScheme name="Dansk Industri 2023">
      <a:majorFont>
        <a:latin typeface="DI Display Office"/>
        <a:ea typeface=""/>
        <a:cs typeface=""/>
      </a:majorFont>
      <a:minorFont>
        <a:latin typeface="DI Sans Office"/>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Off White Background">
      <a:srgbClr val="F7F5FF"/>
    </a:custClr>
    <a:custClr name="Dark Purple 500">
      <a:srgbClr val="38025C"/>
    </a:custClr>
    <a:custClr name="Dark Purple 400">
      <a:srgbClr val="60347C"/>
    </a:custClr>
    <a:custClr name="Light Purple 500">
      <a:srgbClr val="A7A4E0"/>
    </a:custClr>
    <a:custClr name="Light Purple 400">
      <a:srgbClr val="B9B6E6"/>
    </a:custClr>
    <a:custClr name="Vibrant Purple 500">
      <a:srgbClr val="7D55C7"/>
    </a:custClr>
    <a:custClr name="Vibrant Purple 400">
      <a:srgbClr val="9777D2"/>
    </a:custClr>
    <a:custClr name="Dark Grey">
      <a:srgbClr val="3B383D"/>
    </a:custClr>
    <a:custClr name="Vibrant Grey">
      <a:srgbClr val="646266"/>
    </a:custClr>
    <a:custClr name="Light Grey">
      <a:srgbClr val="BDBDBD"/>
    </a:custClr>
    <a:custClr name="Dark Aqua 500">
      <a:srgbClr val="004851"/>
    </a:custClr>
    <a:custClr name="Dark Aqua 400">
      <a:srgbClr val="336D74"/>
    </a:custClr>
    <a:custClr name="Vibrant Aqua 500">
      <a:srgbClr val="00AB8E"/>
    </a:custClr>
    <a:custClr name="Vibrant Aqua 400">
      <a:srgbClr val="33BCA5"/>
    </a:custClr>
    <a:custClr name="Light Aqua 500">
      <a:srgbClr val="88DBDF"/>
    </a:custClr>
    <a:custClr name="Light Aqua 400">
      <a:srgbClr val="A0E2E5"/>
    </a:custClr>
    <a:custClr name="Dark Blue 500">
      <a:srgbClr val="002B49"/>
    </a:custClr>
    <a:custClr name="Dark Blue 400">
      <a:srgbClr val="33556D"/>
    </a:custClr>
    <a:custClr name="Vibrant Blue 500">
      <a:srgbClr val="007096"/>
    </a:custClr>
    <a:custClr name="Vibrant Blue 400">
      <a:srgbClr val="338DAB"/>
    </a:custClr>
    <a:custClr name="Light Blue 500">
      <a:srgbClr val="8DC8E8"/>
    </a:custClr>
    <a:custClr name="Light Blue 400">
      <a:srgbClr val="A4D3ED"/>
    </a:custClr>
    <a:custClr name="Dark Red 500">
      <a:srgbClr val="70273D"/>
    </a:custClr>
    <a:custClr name="Dark Red 400">
      <a:srgbClr val="8D5264"/>
    </a:custClr>
    <a:custClr name="Vibrant Red 500">
      <a:srgbClr val="D22730"/>
    </a:custClr>
    <a:custClr name="Vibrant Red 400">
      <a:srgbClr val="DB5259"/>
    </a:custClr>
    <a:custClr name="Light Red 500">
      <a:srgbClr val="EAB8E4"/>
    </a:custClr>
    <a:custClr name="Light Red 400">
      <a:srgbClr val="EEC6E9"/>
    </a:custClr>
    <a:custClr name="Dark Green 500">
      <a:srgbClr val="284734"/>
    </a:custClr>
    <a:custClr name="Dark Green 400">
      <a:srgbClr val="536C5D"/>
    </a:custClr>
    <a:custClr name="Vibrant Green 500">
      <a:srgbClr val="56C271"/>
    </a:custClr>
    <a:custClr name="Vibrant Green 400">
      <a:srgbClr val="78CE8D"/>
    </a:custClr>
    <a:custClr name="Light Green 500">
      <a:srgbClr val="BCE194"/>
    </a:custClr>
    <a:custClr name="Light Green 400">
      <a:srgbClr val="C9E7A9"/>
    </a:custClr>
    <a:custClr name="Dark Orange 500">
      <a:srgbClr val="B33D26"/>
    </a:custClr>
    <a:custClr name="Dark Orange 400">
      <a:srgbClr val="C2645B"/>
    </a:custClr>
    <a:custClr name="Vibrant Orange 500 ">
      <a:srgbClr val="F68D2E"/>
    </a:custClr>
    <a:custClr name="Vibrant Orange 400 ">
      <a:srgbClr val="F8A458"/>
    </a:custClr>
    <a:custClr name="Light Orange 500">
      <a:srgbClr val="FCC89B"/>
    </a:custClr>
    <a:custClr name="Light Orange 400">
      <a:srgbClr val="FDD3A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DI Corporate 2023">
      <a:dk1>
        <a:srgbClr val="000000"/>
      </a:dk1>
      <a:lt1>
        <a:srgbClr val="FFFFFF"/>
      </a:lt1>
      <a:dk2>
        <a:srgbClr val="38025C"/>
      </a:dk2>
      <a:lt2>
        <a:srgbClr val="F7F5FF"/>
      </a:lt2>
      <a:accent1>
        <a:srgbClr val="38025C"/>
      </a:accent1>
      <a:accent2>
        <a:srgbClr val="A7A4E0"/>
      </a:accent2>
      <a:accent3>
        <a:srgbClr val="7D55C7"/>
      </a:accent3>
      <a:accent4>
        <a:srgbClr val="3B383D"/>
      </a:accent4>
      <a:accent5>
        <a:srgbClr val="646266"/>
      </a:accent5>
      <a:accent6>
        <a:srgbClr val="BDBDBD"/>
      </a:accent6>
      <a:hlink>
        <a:srgbClr val="7D55C7"/>
      </a:hlink>
      <a:folHlink>
        <a:srgbClr val="A7A4E0"/>
      </a:folHlink>
    </a:clrScheme>
    <a:fontScheme name="Dansk Industri 2023">
      <a:majorFont>
        <a:latin typeface="DI Display Office"/>
        <a:ea typeface=""/>
        <a:cs typeface=""/>
      </a:majorFont>
      <a:minorFont>
        <a:latin typeface="DI Sans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Off White Background">
      <a:srgbClr val="F7F5FF"/>
    </a:custClr>
    <a:custClr name="Dark Purple 500">
      <a:srgbClr val="38025C"/>
    </a:custClr>
    <a:custClr name="Dark Purple 400">
      <a:srgbClr val="60347C"/>
    </a:custClr>
    <a:custClr name="Light Purple 500">
      <a:srgbClr val="A7A4E0"/>
    </a:custClr>
    <a:custClr name="Light Purple 400">
      <a:srgbClr val="B9B6E6"/>
    </a:custClr>
    <a:custClr name="Vibrant Purple 500">
      <a:srgbClr val="7D55C7"/>
    </a:custClr>
    <a:custClr name="Vibrant Purple 400">
      <a:srgbClr val="9777D2"/>
    </a:custClr>
    <a:custClr name="Dark Grey">
      <a:srgbClr val="3B383D"/>
    </a:custClr>
    <a:custClr name="Vibrant Grey">
      <a:srgbClr val="646266"/>
    </a:custClr>
    <a:custClr name="Light Grey">
      <a:srgbClr val="BDBDBD"/>
    </a:custClr>
    <a:custClr name="Dark Aqua 500">
      <a:srgbClr val="004851"/>
    </a:custClr>
    <a:custClr name="Dark Aqua 400">
      <a:srgbClr val="336D74"/>
    </a:custClr>
    <a:custClr name="Vibrant Aqua 500">
      <a:srgbClr val="00AB8E"/>
    </a:custClr>
    <a:custClr name="Vibrant Aqua 400">
      <a:srgbClr val="33BCA5"/>
    </a:custClr>
    <a:custClr name="Light Aqua 500">
      <a:srgbClr val="88DBDF"/>
    </a:custClr>
    <a:custClr name="Light Aqua 400">
      <a:srgbClr val="A0E2E5"/>
    </a:custClr>
    <a:custClr name="Dark Blue 500">
      <a:srgbClr val="002B49"/>
    </a:custClr>
    <a:custClr name="Dark Blue 400">
      <a:srgbClr val="33556D"/>
    </a:custClr>
    <a:custClr name="Vibrant Blue 500">
      <a:srgbClr val="007096"/>
    </a:custClr>
    <a:custClr name="Vibrant Blue 400">
      <a:srgbClr val="338DAB"/>
    </a:custClr>
    <a:custClr name="Light Blue 500">
      <a:srgbClr val="8DC8E8"/>
    </a:custClr>
    <a:custClr name="Light Blue 400">
      <a:srgbClr val="A4D3ED"/>
    </a:custClr>
    <a:custClr name="Dark Red 500">
      <a:srgbClr val="70273D"/>
    </a:custClr>
    <a:custClr name="Dark Red 400">
      <a:srgbClr val="8D5264"/>
    </a:custClr>
    <a:custClr name="Vibrant Red 500">
      <a:srgbClr val="D22730"/>
    </a:custClr>
    <a:custClr name="Vibrant Red 400">
      <a:srgbClr val="DB5259"/>
    </a:custClr>
    <a:custClr name="Light Red 500">
      <a:srgbClr val="EAB8E4"/>
    </a:custClr>
    <a:custClr name="Light Red 400">
      <a:srgbClr val="EEC6E9"/>
    </a:custClr>
    <a:custClr name="Dark Green 500">
      <a:srgbClr val="284734"/>
    </a:custClr>
    <a:custClr name="Dark Green 400">
      <a:srgbClr val="536C5D"/>
    </a:custClr>
    <a:custClr name="Vibrant Green 500">
      <a:srgbClr val="56C271"/>
    </a:custClr>
    <a:custClr name="Vibrant Green 400">
      <a:srgbClr val="78CE8D"/>
    </a:custClr>
    <a:custClr name="Light Green 500">
      <a:srgbClr val="BCE194"/>
    </a:custClr>
    <a:custClr name="Light Green 400">
      <a:srgbClr val="C9E7A9"/>
    </a:custClr>
    <a:custClr name="Dark Orange 500">
      <a:srgbClr val="B33D26"/>
    </a:custClr>
    <a:custClr name="Dark Orange 400">
      <a:srgbClr val="C2645B"/>
    </a:custClr>
    <a:custClr name="Vibrant Orange 500 ">
      <a:srgbClr val="F68D2E"/>
    </a:custClr>
    <a:custClr name="Vibrant Orange 400 ">
      <a:srgbClr val="F8A458"/>
    </a:custClr>
    <a:custClr name="Light Orange 500">
      <a:srgbClr val="FCC89B"/>
    </a:custClr>
    <a:custClr name="Light Orange 400">
      <a:srgbClr val="FDD3A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ype":"shape","id":"9181fbb6-c862-46d9-910e-8916adc3d83f","elementConfiguration":{"height":"2.5 cm","type":"image","disableUpdates":false}}],"transformationConfigurations":[],"templateName":"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C651F6C4-37F6-4422-A28B-F77505F6A4A5}">
  <ds:schemaRefs/>
</ds:datastoreItem>
</file>

<file path=customXml/itemProps2.xml><?xml version="1.0" encoding="utf-8"?>
<ds:datastoreItem xmlns:ds="http://schemas.openxmlformats.org/officeDocument/2006/customXml" ds:itemID="{8BB19C67-C6FD-436D-BF37-A13D5A0F77E7}">
  <ds:schemaRefs/>
</ds:datastoreItem>
</file>

<file path=docProps/app.xml><?xml version="1.0" encoding="utf-8"?>
<Properties xmlns="http://schemas.openxmlformats.org/officeDocument/2006/extended-properties" xmlns:vt="http://schemas.openxmlformats.org/officeDocument/2006/docPropsVTypes">
  <Template/>
  <TotalTime>14507</TotalTime>
  <Words>377</Words>
  <Application>Microsoft Office PowerPoint</Application>
  <PresentationFormat>Widescreen</PresentationFormat>
  <Paragraphs>77</Paragraphs>
  <Slides>15</Slides>
  <Notes>15</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5</vt:i4>
      </vt:variant>
    </vt:vector>
  </HeadingPairs>
  <TitlesOfParts>
    <vt:vector size="21" baseType="lpstr">
      <vt:lpstr>DI Numbers Office</vt:lpstr>
      <vt:lpstr>Calibri</vt:lpstr>
      <vt:lpstr>Arial</vt:lpstr>
      <vt:lpstr>DI Display Office</vt:lpstr>
      <vt:lpstr>DI Sans Office</vt:lpstr>
      <vt:lpstr>Dansk Industri</vt:lpstr>
      <vt:lpstr>Hvad siger byggebranchen selv om diversitet?</vt:lpstr>
      <vt:lpstr>Målsætningen</vt:lpstr>
      <vt:lpstr>PowerPoint Presentation</vt:lpstr>
      <vt:lpstr>Den gode nyhed!</vt:lpstr>
      <vt:lpstr>PowerPoint Presentation</vt:lpstr>
      <vt:lpstr>Virksomhederne tager et stort lokalt ansvar</vt:lpstr>
      <vt:lpstr>Flere virksomheder går nye veje</vt:lpstr>
      <vt:lpstr>Hvilke medarbejdere har I primært forsøgt at tiltrække gennem de ændrede metoder?</vt:lpstr>
      <vt:lpstr>I hvilke funktioner har din virksomhed kvindelige ansatte på nuværende tidspunkt? </vt:lpstr>
      <vt:lpstr>PowerPoint Presentation</vt:lpstr>
      <vt:lpstr>PowerPoint Presentation</vt:lpstr>
      <vt:lpstr>46 % af kvindelige bestyrelsesmedlemmer har samme adresse som virksomhedens direktør</vt:lpstr>
      <vt:lpstr>Der er både mænd og kvinder med familiemæssige relationer</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Kathrine Hjort Gellert</dc:creator>
  <cp:lastModifiedBy>Louise Dahl Krath Jensen</cp:lastModifiedBy>
  <cp:revision>16</cp:revision>
  <cp:lastPrinted>2025-05-26T07:01:13Z</cp:lastPrinted>
  <dcterms:created xsi:type="dcterms:W3CDTF">2025-05-02T19:46:24Z</dcterms:created>
  <dcterms:modified xsi:type="dcterms:W3CDTF">2025-05-30T13:40:0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stEnabled">
    <vt:lpwstr>True</vt:lpwstr>
  </property>
  <property fmtid="{D5CDD505-2E9C-101B-9397-08002B2CF9AE}" pid="4" name="TemplafyTimeStamp">
    <vt:lpwstr>2024-03-13T12:32:44</vt:lpwstr>
  </property>
  <property fmtid="{D5CDD505-2E9C-101B-9397-08002B2CF9AE}" pid="5" name="TemplafyTenantId">
    <vt:lpwstr>danskindustri</vt:lpwstr>
  </property>
  <property fmtid="{D5CDD505-2E9C-101B-9397-08002B2CF9AE}" pid="6" name="TemplafyTemplateId">
    <vt:lpwstr>866500735820890198</vt:lpwstr>
  </property>
  <property fmtid="{D5CDD505-2E9C-101B-9397-08002B2CF9AE}" pid="7" name="TemplafyUserProfileId">
    <vt:lpwstr>921964458005233745</vt:lpwstr>
  </property>
  <property fmtid="{D5CDD505-2E9C-101B-9397-08002B2CF9AE}" pid="8" name="TemplafyLanguageCode">
    <vt:lpwstr>da-DK</vt:lpwstr>
  </property>
  <property fmtid="{D5CDD505-2E9C-101B-9397-08002B2CF9AE}" pid="9" name="TemplafyFromBlank">
    <vt:bool>true</vt:bool>
  </property>
</Properties>
</file>